
<file path=[Content_Types].xml><?xml version="1.0" encoding="utf-8"?>
<Types xmlns="http://schemas.openxmlformats.org/package/2006/content-types"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  <p:sldMasterId id="2147483662" r:id="rId5"/>
  </p:sldMasterIdLst>
  <p:notesMasterIdLst>
    <p:notesMasterId r:id="rId10"/>
  </p:notesMasterIdLst>
  <p:sldIdLst>
    <p:sldId id="275" r:id="rId6"/>
    <p:sldId id="271" r:id="rId7"/>
    <p:sldId id="274" r:id="rId8"/>
    <p:sldId id="273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13EFF191-3BBB-4713-9B59-85F54B1D706D}">
          <p14:sldIdLst>
            <p14:sldId id="275"/>
            <p14:sldId id="271"/>
            <p14:sldId id="274"/>
            <p14:sldId id="273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36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55C70489-7B77-9276-5AFE-E5B1F1897729}" name="Katie Erofeeva" initials="KE" userId="S::erofeevak@iata.org::9bb4228e-397b-48a3-9610-2a1c04e66adc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D31FA"/>
    <a:srgbClr val="F04632"/>
    <a:srgbClr val="0377B5"/>
    <a:srgbClr val="11ACE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75C8159-E117-499B-BF76-D0E9E1B32B1A}" v="3" dt="2025-11-12T16:26:40.809"/>
    <p1510:client id="{D95A5C0C-3A52-47DF-AC62-FEE92E04E3C3}" v="7" dt="2025-11-12T16:21:03.087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48" d="100"/>
          <a:sy n="148" d="100"/>
        </p:scale>
        <p:origin x="120" y="187"/>
      </p:cViewPr>
      <p:guideLst>
        <p:guide orient="horz" pos="2136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slide" Target="slides/slide2.xml"/><Relationship Id="rId12" Type="http://schemas.openxmlformats.org/officeDocument/2006/relationships/viewProps" Target="viewProps.xml"/><Relationship Id="rId17" Type="http://schemas.microsoft.com/office/2018/10/relationships/authors" Target="authors.xml"/><Relationship Id="rId2" Type="http://schemas.openxmlformats.org/officeDocument/2006/relationships/customXml" Target="../customXml/item2.xml"/><Relationship Id="rId16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presProps" Target="presProps.xml"/><Relationship Id="rId5" Type="http://schemas.openxmlformats.org/officeDocument/2006/relationships/slideMaster" Target="slideMasters/slideMaster2.xml"/><Relationship Id="rId15" Type="http://schemas.microsoft.com/office/2016/11/relationships/changesInfo" Target="changesInfos/changesInfo1.xml"/><Relationship Id="rId10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ataly Echezuria" userId="016cf74e-e64d-40ef-b55b-1485ed1ed370" providerId="ADAL" clId="{EC78C44E-2D98-410B-9229-95C90BA223B1}"/>
    <pc:docChg chg="custSel addSld delSld modSld sldOrd">
      <pc:chgData name="Nataly Echezuria" userId="016cf74e-e64d-40ef-b55b-1485ed1ed370" providerId="ADAL" clId="{EC78C44E-2D98-410B-9229-95C90BA223B1}" dt="2023-11-10T14:48:05.651" v="99" actId="207"/>
      <pc:docMkLst>
        <pc:docMk/>
      </pc:docMkLst>
      <pc:sldChg chg="addSp delSp modSp mod">
        <pc:chgData name="Nataly Echezuria" userId="016cf74e-e64d-40ef-b55b-1485ed1ed370" providerId="ADAL" clId="{EC78C44E-2D98-410B-9229-95C90BA223B1}" dt="2023-11-10T14:46:55.301" v="85" actId="478"/>
        <pc:sldMkLst>
          <pc:docMk/>
          <pc:sldMk cId="4276101519" sldId="268"/>
        </pc:sldMkLst>
      </pc:sldChg>
      <pc:sldChg chg="addSp delSp modSp mod">
        <pc:chgData name="Nataly Echezuria" userId="016cf74e-e64d-40ef-b55b-1485ed1ed370" providerId="ADAL" clId="{EC78C44E-2D98-410B-9229-95C90BA223B1}" dt="2023-11-10T14:42:20.220" v="53" actId="12789"/>
        <pc:sldMkLst>
          <pc:docMk/>
          <pc:sldMk cId="1842853321" sldId="270"/>
        </pc:sldMkLst>
      </pc:sldChg>
      <pc:sldChg chg="modSp add mod">
        <pc:chgData name="Nataly Echezuria" userId="016cf74e-e64d-40ef-b55b-1485ed1ed370" providerId="ADAL" clId="{EC78C44E-2D98-410B-9229-95C90BA223B1}" dt="2023-11-10T14:44:24.798" v="63"/>
        <pc:sldMkLst>
          <pc:docMk/>
          <pc:sldMk cId="847787837" sldId="274"/>
        </pc:sldMkLst>
      </pc:sldChg>
      <pc:sldChg chg="new del">
        <pc:chgData name="Nataly Echezuria" userId="016cf74e-e64d-40ef-b55b-1485ed1ed370" providerId="ADAL" clId="{EC78C44E-2D98-410B-9229-95C90BA223B1}" dt="2023-11-10T14:40:49.606" v="16" actId="47"/>
        <pc:sldMkLst>
          <pc:docMk/>
          <pc:sldMk cId="2108078980" sldId="274"/>
        </pc:sldMkLst>
      </pc:sldChg>
      <pc:sldChg chg="addSp modSp add mod ord">
        <pc:chgData name="Nataly Echezuria" userId="016cf74e-e64d-40ef-b55b-1485ed1ed370" providerId="ADAL" clId="{EC78C44E-2D98-410B-9229-95C90BA223B1}" dt="2023-11-10T14:44:55.923" v="72"/>
        <pc:sldMkLst>
          <pc:docMk/>
          <pc:sldMk cId="4114933033" sldId="275"/>
        </pc:sldMkLst>
      </pc:sldChg>
    </pc:docChg>
  </pc:docChgLst>
  <pc:docChgLst>
    <pc:chgData name="Carlota Hernández Jaubert" userId="1eb451b7-1b3c-4c4b-a534-db0568f6e9a2" providerId="ADAL" clId="{CDB60B17-C291-4FC9-8E76-C8CCB0442CD6}"/>
    <pc:docChg chg="undo custSel mod modSld modMainMaster">
      <pc:chgData name="Carlota Hernández Jaubert" userId="1eb451b7-1b3c-4c4b-a534-db0568f6e9a2" providerId="ADAL" clId="{CDB60B17-C291-4FC9-8E76-C8CCB0442CD6}" dt="2025-11-12T16:32:51.705" v="103"/>
      <pc:docMkLst>
        <pc:docMk/>
      </pc:docMkLst>
      <pc:sldChg chg="modSp mod">
        <pc:chgData name="Carlota Hernández Jaubert" userId="1eb451b7-1b3c-4c4b-a534-db0568f6e9a2" providerId="ADAL" clId="{CDB60B17-C291-4FC9-8E76-C8CCB0442CD6}" dt="2025-11-12T16:25:11.621" v="55"/>
        <pc:sldMkLst>
          <pc:docMk/>
          <pc:sldMk cId="3035780936" sldId="271"/>
        </pc:sldMkLst>
        <pc:spChg chg="mod">
          <ac:chgData name="Carlota Hernández Jaubert" userId="1eb451b7-1b3c-4c4b-a534-db0568f6e9a2" providerId="ADAL" clId="{CDB60B17-C291-4FC9-8E76-C8CCB0442CD6}" dt="2025-11-12T16:25:10.857" v="54"/>
          <ac:spMkLst>
            <pc:docMk/>
            <pc:sldMk cId="3035780936" sldId="271"/>
            <ac:spMk id="3" creationId="{81AC7058-B3A9-4B5B-2A01-07F0A404A047}"/>
          </ac:spMkLst>
        </pc:spChg>
        <pc:spChg chg="mod">
          <ac:chgData name="Carlota Hernández Jaubert" userId="1eb451b7-1b3c-4c4b-a534-db0568f6e9a2" providerId="ADAL" clId="{CDB60B17-C291-4FC9-8E76-C8CCB0442CD6}" dt="2025-11-12T16:25:08.860" v="52"/>
          <ac:spMkLst>
            <pc:docMk/>
            <pc:sldMk cId="3035780936" sldId="271"/>
            <ac:spMk id="4" creationId="{82B62F02-B65D-EAB0-E44B-41F501E736CD}"/>
          </ac:spMkLst>
        </pc:spChg>
        <pc:spChg chg="mod">
          <ac:chgData name="Carlota Hernández Jaubert" userId="1eb451b7-1b3c-4c4b-a534-db0568f6e9a2" providerId="ADAL" clId="{CDB60B17-C291-4FC9-8E76-C8CCB0442CD6}" dt="2025-11-12T16:25:11.621" v="55"/>
          <ac:spMkLst>
            <pc:docMk/>
            <pc:sldMk cId="3035780936" sldId="271"/>
            <ac:spMk id="5" creationId="{8C2F15C8-4893-5703-E7FC-E8C0F7FE8EDB}"/>
          </ac:spMkLst>
        </pc:spChg>
        <pc:spChg chg="mod">
          <ac:chgData name="Carlota Hernández Jaubert" userId="1eb451b7-1b3c-4c4b-a534-db0568f6e9a2" providerId="ADAL" clId="{CDB60B17-C291-4FC9-8E76-C8CCB0442CD6}" dt="2025-11-12T16:25:08.860" v="52"/>
          <ac:spMkLst>
            <pc:docMk/>
            <pc:sldMk cId="3035780936" sldId="271"/>
            <ac:spMk id="7" creationId="{C28A67DB-580E-402C-3216-7C62A750DB72}"/>
          </ac:spMkLst>
        </pc:spChg>
        <pc:spChg chg="mod">
          <ac:chgData name="Carlota Hernández Jaubert" userId="1eb451b7-1b3c-4c4b-a534-db0568f6e9a2" providerId="ADAL" clId="{CDB60B17-C291-4FC9-8E76-C8CCB0442CD6}" dt="2025-11-12T16:25:08.860" v="52"/>
          <ac:spMkLst>
            <pc:docMk/>
            <pc:sldMk cId="3035780936" sldId="271"/>
            <ac:spMk id="8" creationId="{57DAD758-DB82-BC5C-B97B-83C36B38A71C}"/>
          </ac:spMkLst>
        </pc:spChg>
        <pc:grpChg chg="mod">
          <ac:chgData name="Carlota Hernández Jaubert" userId="1eb451b7-1b3c-4c4b-a534-db0568f6e9a2" providerId="ADAL" clId="{CDB60B17-C291-4FC9-8E76-C8CCB0442CD6}" dt="2025-11-12T16:25:08.860" v="52"/>
          <ac:grpSpMkLst>
            <pc:docMk/>
            <pc:sldMk cId="3035780936" sldId="271"/>
            <ac:grpSpMk id="2" creationId="{58440778-D1F9-C5CF-4360-2A6EA153CD5A}"/>
          </ac:grpSpMkLst>
        </pc:grpChg>
        <pc:picChg chg="mod">
          <ac:chgData name="Carlota Hernández Jaubert" userId="1eb451b7-1b3c-4c4b-a534-db0568f6e9a2" providerId="ADAL" clId="{CDB60B17-C291-4FC9-8E76-C8CCB0442CD6}" dt="2025-11-12T16:25:10.265" v="53"/>
          <ac:picMkLst>
            <pc:docMk/>
            <pc:sldMk cId="3035780936" sldId="271"/>
            <ac:picMk id="6" creationId="{60F244A4-A038-A46E-B543-32D5D5F161B9}"/>
          </ac:picMkLst>
        </pc:picChg>
      </pc:sldChg>
      <pc:sldChg chg="addSp delSp modSp mod">
        <pc:chgData name="Carlota Hernández Jaubert" userId="1eb451b7-1b3c-4c4b-a534-db0568f6e9a2" providerId="ADAL" clId="{CDB60B17-C291-4FC9-8E76-C8CCB0442CD6}" dt="2025-11-12T16:30:52.697" v="102"/>
        <pc:sldMkLst>
          <pc:docMk/>
          <pc:sldMk cId="2589883871" sldId="273"/>
        </pc:sldMkLst>
        <pc:spChg chg="del mod">
          <ac:chgData name="Carlota Hernández Jaubert" userId="1eb451b7-1b3c-4c4b-a534-db0568f6e9a2" providerId="ADAL" clId="{CDB60B17-C291-4FC9-8E76-C8CCB0442CD6}" dt="2025-11-12T16:26:29.213" v="97" actId="478"/>
          <ac:spMkLst>
            <pc:docMk/>
            <pc:sldMk cId="2589883871" sldId="273"/>
            <ac:spMk id="3" creationId="{25D7D66E-6B7F-1D6C-167F-2A5F0E1FA169}"/>
          </ac:spMkLst>
        </pc:spChg>
        <pc:spChg chg="del">
          <ac:chgData name="Carlota Hernández Jaubert" userId="1eb451b7-1b3c-4c4b-a534-db0568f6e9a2" providerId="ADAL" clId="{CDB60B17-C291-4FC9-8E76-C8CCB0442CD6}" dt="2025-11-12T16:15:59.687" v="26" actId="478"/>
          <ac:spMkLst>
            <pc:docMk/>
            <pc:sldMk cId="2589883871" sldId="273"/>
            <ac:spMk id="5" creationId="{903A6EC7-1D55-1B34-1345-187D5CA2F9B0}"/>
          </ac:spMkLst>
        </pc:spChg>
        <pc:spChg chg="del">
          <ac:chgData name="Carlota Hernández Jaubert" userId="1eb451b7-1b3c-4c4b-a534-db0568f6e9a2" providerId="ADAL" clId="{CDB60B17-C291-4FC9-8E76-C8CCB0442CD6}" dt="2025-11-12T16:26:25.152" v="91" actId="478"/>
          <ac:spMkLst>
            <pc:docMk/>
            <pc:sldMk cId="2589883871" sldId="273"/>
            <ac:spMk id="6" creationId="{C2E5B456-531F-DCA5-F39B-F3F9E25E9299}"/>
          </ac:spMkLst>
        </pc:spChg>
        <pc:spChg chg="del">
          <ac:chgData name="Carlota Hernández Jaubert" userId="1eb451b7-1b3c-4c4b-a534-db0568f6e9a2" providerId="ADAL" clId="{CDB60B17-C291-4FC9-8E76-C8CCB0442CD6}" dt="2025-11-12T16:26:25.827" v="92" actId="478"/>
          <ac:spMkLst>
            <pc:docMk/>
            <pc:sldMk cId="2589883871" sldId="273"/>
            <ac:spMk id="7" creationId="{39F4B099-7BE9-3537-1AF9-C05254A9D87D}"/>
          </ac:spMkLst>
        </pc:spChg>
        <pc:spChg chg="del">
          <ac:chgData name="Carlota Hernández Jaubert" userId="1eb451b7-1b3c-4c4b-a534-db0568f6e9a2" providerId="ADAL" clId="{CDB60B17-C291-4FC9-8E76-C8CCB0442CD6}" dt="2025-11-12T16:26:26.535" v="93" actId="478"/>
          <ac:spMkLst>
            <pc:docMk/>
            <pc:sldMk cId="2589883871" sldId="273"/>
            <ac:spMk id="8" creationId="{8CECFD17-5B4E-379D-166F-0E91B687F203}"/>
          </ac:spMkLst>
        </pc:spChg>
        <pc:spChg chg="del">
          <ac:chgData name="Carlota Hernández Jaubert" userId="1eb451b7-1b3c-4c4b-a534-db0568f6e9a2" providerId="ADAL" clId="{CDB60B17-C291-4FC9-8E76-C8CCB0442CD6}" dt="2025-11-12T16:26:28.615" v="96" actId="478"/>
          <ac:spMkLst>
            <pc:docMk/>
            <pc:sldMk cId="2589883871" sldId="273"/>
            <ac:spMk id="9" creationId="{5CDC7C4F-3928-AE9F-E231-1A7CD13D8434}"/>
          </ac:spMkLst>
        </pc:spChg>
        <pc:spChg chg="del">
          <ac:chgData name="Carlota Hernández Jaubert" userId="1eb451b7-1b3c-4c4b-a534-db0568f6e9a2" providerId="ADAL" clId="{CDB60B17-C291-4FC9-8E76-C8CCB0442CD6}" dt="2025-11-12T16:16:01.780" v="27" actId="478"/>
          <ac:spMkLst>
            <pc:docMk/>
            <pc:sldMk cId="2589883871" sldId="273"/>
            <ac:spMk id="11" creationId="{0916BF45-EF64-DEC5-58DD-D4078061424E}"/>
          </ac:spMkLst>
        </pc:spChg>
        <pc:spChg chg="del">
          <ac:chgData name="Carlota Hernández Jaubert" userId="1eb451b7-1b3c-4c4b-a534-db0568f6e9a2" providerId="ADAL" clId="{CDB60B17-C291-4FC9-8E76-C8CCB0442CD6}" dt="2025-11-12T16:26:29.883" v="98" actId="478"/>
          <ac:spMkLst>
            <pc:docMk/>
            <pc:sldMk cId="2589883871" sldId="273"/>
            <ac:spMk id="13" creationId="{7DC0FE9E-0A94-234D-3CCB-06DE63F64416}"/>
          </ac:spMkLst>
        </pc:spChg>
        <pc:spChg chg="add del mod">
          <ac:chgData name="Carlota Hernández Jaubert" userId="1eb451b7-1b3c-4c4b-a534-db0568f6e9a2" providerId="ADAL" clId="{CDB60B17-C291-4FC9-8E76-C8CCB0442CD6}" dt="2025-11-12T16:26:30.716" v="99" actId="478"/>
          <ac:spMkLst>
            <pc:docMk/>
            <pc:sldMk cId="2589883871" sldId="273"/>
            <ac:spMk id="14" creationId="{DD9EE71D-A381-E077-87A8-34A6E19C436E}"/>
          </ac:spMkLst>
        </pc:spChg>
        <pc:spChg chg="del mod">
          <ac:chgData name="Carlota Hernández Jaubert" userId="1eb451b7-1b3c-4c4b-a534-db0568f6e9a2" providerId="ADAL" clId="{CDB60B17-C291-4FC9-8E76-C8CCB0442CD6}" dt="2025-11-12T16:26:27.289" v="94" actId="478"/>
          <ac:spMkLst>
            <pc:docMk/>
            <pc:sldMk cId="2589883871" sldId="273"/>
            <ac:spMk id="20" creationId="{3AEA561C-FDFF-CCBC-88F5-F891CB5B4C91}"/>
          </ac:spMkLst>
        </pc:spChg>
        <pc:picChg chg="mod ord">
          <ac:chgData name="Carlota Hernández Jaubert" userId="1eb451b7-1b3c-4c4b-a534-db0568f6e9a2" providerId="ADAL" clId="{CDB60B17-C291-4FC9-8E76-C8CCB0442CD6}" dt="2025-11-12T16:30:52.697" v="102"/>
          <ac:picMkLst>
            <pc:docMk/>
            <pc:sldMk cId="2589883871" sldId="273"/>
            <ac:picMk id="2" creationId="{BBB3A0DD-9AA6-F665-E723-546433741E9C}"/>
          </ac:picMkLst>
        </pc:picChg>
        <pc:picChg chg="del">
          <ac:chgData name="Carlota Hernández Jaubert" userId="1eb451b7-1b3c-4c4b-a534-db0568f6e9a2" providerId="ADAL" clId="{CDB60B17-C291-4FC9-8E76-C8CCB0442CD6}" dt="2025-11-12T16:26:27.939" v="95" actId="478"/>
          <ac:picMkLst>
            <pc:docMk/>
            <pc:sldMk cId="2589883871" sldId="273"/>
            <ac:picMk id="4" creationId="{AAB807FD-A757-2885-7094-A0B9075FE2A7}"/>
          </ac:picMkLst>
        </pc:picChg>
        <pc:picChg chg="del">
          <ac:chgData name="Carlota Hernández Jaubert" userId="1eb451b7-1b3c-4c4b-a534-db0568f6e9a2" providerId="ADAL" clId="{CDB60B17-C291-4FC9-8E76-C8CCB0442CD6}" dt="2025-11-12T16:16:02.454" v="28" actId="478"/>
          <ac:picMkLst>
            <pc:docMk/>
            <pc:sldMk cId="2589883871" sldId="273"/>
            <ac:picMk id="10" creationId="{265F8BEC-9A11-3C58-B930-13BF5B6731D5}"/>
          </ac:picMkLst>
        </pc:picChg>
        <pc:picChg chg="del">
          <ac:chgData name="Carlota Hernández Jaubert" userId="1eb451b7-1b3c-4c4b-a534-db0568f6e9a2" providerId="ADAL" clId="{CDB60B17-C291-4FC9-8E76-C8CCB0442CD6}" dt="2025-11-12T16:15:54.597" v="25" actId="478"/>
          <ac:picMkLst>
            <pc:docMk/>
            <pc:sldMk cId="2589883871" sldId="273"/>
            <ac:picMk id="12" creationId="{832A28DF-0679-8C5A-5802-2DD51B18E468}"/>
          </ac:picMkLst>
        </pc:picChg>
        <pc:picChg chg="add del mod">
          <ac:chgData name="Carlota Hernández Jaubert" userId="1eb451b7-1b3c-4c4b-a534-db0568f6e9a2" providerId="ADAL" clId="{CDB60B17-C291-4FC9-8E76-C8CCB0442CD6}" dt="2025-11-12T16:26:31.448" v="100" actId="478"/>
          <ac:picMkLst>
            <pc:docMk/>
            <pc:sldMk cId="2589883871" sldId="273"/>
            <ac:picMk id="15" creationId="{50FD4D37-B6C2-A29B-50F6-CE17132602F0}"/>
          </ac:picMkLst>
        </pc:picChg>
      </pc:sldChg>
      <pc:sldChg chg="addSp delSp modSp mod">
        <pc:chgData name="Carlota Hernández Jaubert" userId="1eb451b7-1b3c-4c4b-a534-db0568f6e9a2" providerId="ADAL" clId="{CDB60B17-C291-4FC9-8E76-C8CCB0442CD6}" dt="2025-11-12T16:26:19.545" v="90"/>
        <pc:sldMkLst>
          <pc:docMk/>
          <pc:sldMk cId="847787837" sldId="274"/>
        </pc:sldMkLst>
        <pc:spChg chg="del mod modVis">
          <ac:chgData name="Carlota Hernández Jaubert" userId="1eb451b7-1b3c-4c4b-a534-db0568f6e9a2" providerId="ADAL" clId="{CDB60B17-C291-4FC9-8E76-C8CCB0442CD6}" dt="2025-11-12T16:25:52.179" v="81" actId="478"/>
          <ac:spMkLst>
            <pc:docMk/>
            <pc:sldMk cId="847787837" sldId="274"/>
            <ac:spMk id="2" creationId="{DEE4386E-A5E4-A094-5CB1-0C1254E86A56}"/>
          </ac:spMkLst>
        </pc:spChg>
        <pc:spChg chg="del mod">
          <ac:chgData name="Carlota Hernández Jaubert" userId="1eb451b7-1b3c-4c4b-a534-db0568f6e9a2" providerId="ADAL" clId="{CDB60B17-C291-4FC9-8E76-C8CCB0442CD6}" dt="2025-11-12T16:25:24.107" v="60" actId="478"/>
          <ac:spMkLst>
            <pc:docMk/>
            <pc:sldMk cId="847787837" sldId="274"/>
            <ac:spMk id="3" creationId="{AFCF3405-B6C0-09A4-4DE0-98D71A0EA677}"/>
          </ac:spMkLst>
        </pc:spChg>
        <pc:spChg chg="del mod modVis">
          <ac:chgData name="Carlota Hernández Jaubert" userId="1eb451b7-1b3c-4c4b-a534-db0568f6e9a2" providerId="ADAL" clId="{CDB60B17-C291-4FC9-8E76-C8CCB0442CD6}" dt="2025-11-12T16:25:46.664" v="76" actId="478"/>
          <ac:spMkLst>
            <pc:docMk/>
            <pc:sldMk cId="847787837" sldId="274"/>
            <ac:spMk id="4" creationId="{79581622-2AD9-2E7E-0201-ABEF801CDD60}"/>
          </ac:spMkLst>
        </pc:spChg>
        <pc:spChg chg="mod modVis">
          <ac:chgData name="Carlota Hernández Jaubert" userId="1eb451b7-1b3c-4c4b-a534-db0568f6e9a2" providerId="ADAL" clId="{CDB60B17-C291-4FC9-8E76-C8CCB0442CD6}" dt="2025-11-12T16:26:12.867" v="86"/>
          <ac:spMkLst>
            <pc:docMk/>
            <pc:sldMk cId="847787837" sldId="274"/>
            <ac:spMk id="5" creationId="{3805FF7A-3484-1EDE-7EE4-BBE196BA4DB2}"/>
          </ac:spMkLst>
        </pc:spChg>
        <pc:spChg chg="mod modVis">
          <ac:chgData name="Carlota Hernández Jaubert" userId="1eb451b7-1b3c-4c4b-a534-db0568f6e9a2" providerId="ADAL" clId="{CDB60B17-C291-4FC9-8E76-C8CCB0442CD6}" dt="2025-11-12T16:26:19.545" v="90"/>
          <ac:spMkLst>
            <pc:docMk/>
            <pc:sldMk cId="847787837" sldId="274"/>
            <ac:spMk id="7" creationId="{22BEFDDE-4F75-E4C1-D461-F2DC7262A728}"/>
          </ac:spMkLst>
        </pc:spChg>
        <pc:spChg chg="del">
          <ac:chgData name="Carlota Hernández Jaubert" userId="1eb451b7-1b3c-4c4b-a534-db0568f6e9a2" providerId="ADAL" clId="{CDB60B17-C291-4FC9-8E76-C8CCB0442CD6}" dt="2025-11-12T16:25:37.516" v="66" actId="478"/>
          <ac:spMkLst>
            <pc:docMk/>
            <pc:sldMk cId="847787837" sldId="274"/>
            <ac:spMk id="8" creationId="{4196606E-169E-6690-0E1C-F34ECE029392}"/>
          </ac:spMkLst>
        </pc:spChg>
        <pc:spChg chg="del">
          <ac:chgData name="Carlota Hernández Jaubert" userId="1eb451b7-1b3c-4c4b-a534-db0568f6e9a2" providerId="ADAL" clId="{CDB60B17-C291-4FC9-8E76-C8CCB0442CD6}" dt="2025-11-12T16:25:38.375" v="67" actId="478"/>
          <ac:spMkLst>
            <pc:docMk/>
            <pc:sldMk cId="847787837" sldId="274"/>
            <ac:spMk id="9" creationId="{E28A85AC-7368-3C1B-B463-7638EA9FE35A}"/>
          </ac:spMkLst>
        </pc:spChg>
        <pc:spChg chg="add del">
          <ac:chgData name="Carlota Hernández Jaubert" userId="1eb451b7-1b3c-4c4b-a534-db0568f6e9a2" providerId="ADAL" clId="{CDB60B17-C291-4FC9-8E76-C8CCB0442CD6}" dt="2025-11-12T16:25:36.773" v="65" actId="478"/>
          <ac:spMkLst>
            <pc:docMk/>
            <pc:sldMk cId="847787837" sldId="274"/>
            <ac:spMk id="10" creationId="{26D56151-12C9-2F75-B0A2-C2AC91AFB154}"/>
          </ac:spMkLst>
        </pc:spChg>
        <pc:spChg chg="del">
          <ac:chgData name="Carlota Hernández Jaubert" userId="1eb451b7-1b3c-4c4b-a534-db0568f6e9a2" providerId="ADAL" clId="{CDB60B17-C291-4FC9-8E76-C8CCB0442CD6}" dt="2025-11-12T16:15:44.669" v="23" actId="478"/>
          <ac:spMkLst>
            <pc:docMk/>
            <pc:sldMk cId="847787837" sldId="274"/>
            <ac:spMk id="11" creationId="{2E9F5B46-0C12-AEC6-9E82-3D5EA3E5757C}"/>
          </ac:spMkLst>
        </pc:spChg>
        <pc:spChg chg="del">
          <ac:chgData name="Carlota Hernández Jaubert" userId="1eb451b7-1b3c-4c4b-a534-db0568f6e9a2" providerId="ADAL" clId="{CDB60B17-C291-4FC9-8E76-C8CCB0442CD6}" dt="2025-11-12T16:15:36.167" v="19" actId="478"/>
          <ac:spMkLst>
            <pc:docMk/>
            <pc:sldMk cId="847787837" sldId="274"/>
            <ac:spMk id="14" creationId="{3A087F8D-C046-77AC-4771-F4D17FA0AA67}"/>
          </ac:spMkLst>
        </pc:spChg>
        <pc:spChg chg="add del mod">
          <ac:chgData name="Carlota Hernández Jaubert" userId="1eb451b7-1b3c-4c4b-a534-db0568f6e9a2" providerId="ADAL" clId="{CDB60B17-C291-4FC9-8E76-C8CCB0442CD6}" dt="2025-11-12T16:25:20.774" v="59" actId="478"/>
          <ac:spMkLst>
            <pc:docMk/>
            <pc:sldMk cId="847787837" sldId="274"/>
            <ac:spMk id="16" creationId="{36F9CD61-6468-6003-37E8-66B9FE5B63E3}"/>
          </ac:spMkLst>
        </pc:spChg>
        <pc:spChg chg="del mod modVis">
          <ac:chgData name="Carlota Hernández Jaubert" userId="1eb451b7-1b3c-4c4b-a534-db0568f6e9a2" providerId="ADAL" clId="{CDB60B17-C291-4FC9-8E76-C8CCB0442CD6}" dt="2025-11-12T16:25:26.085" v="62" actId="478"/>
          <ac:spMkLst>
            <pc:docMk/>
            <pc:sldMk cId="847787837" sldId="274"/>
            <ac:spMk id="17" creationId="{C5AFDD76-EFF5-1314-6CF1-D4167F03C007}"/>
          </ac:spMkLst>
        </pc:spChg>
        <pc:spChg chg="mod modVis">
          <ac:chgData name="Carlota Hernández Jaubert" userId="1eb451b7-1b3c-4c4b-a534-db0568f6e9a2" providerId="ADAL" clId="{CDB60B17-C291-4FC9-8E76-C8CCB0442CD6}" dt="2025-11-12T16:26:11.740" v="85"/>
          <ac:spMkLst>
            <pc:docMk/>
            <pc:sldMk cId="847787837" sldId="274"/>
            <ac:spMk id="18" creationId="{B1601A08-41E0-6E3A-8352-1CDE1E167D9A}"/>
          </ac:spMkLst>
        </pc:spChg>
        <pc:spChg chg="del">
          <ac:chgData name="Carlota Hernández Jaubert" userId="1eb451b7-1b3c-4c4b-a534-db0568f6e9a2" providerId="ADAL" clId="{CDB60B17-C291-4FC9-8E76-C8CCB0442CD6}" dt="2025-11-12T16:25:30.900" v="64" actId="478"/>
          <ac:spMkLst>
            <pc:docMk/>
            <pc:sldMk cId="847787837" sldId="274"/>
            <ac:spMk id="19" creationId="{7C24A584-C9F3-A4BE-FA8D-C7017B9CECB6}"/>
          </ac:spMkLst>
        </pc:spChg>
        <pc:picChg chg="mod ord">
          <ac:chgData name="Carlota Hernández Jaubert" userId="1eb451b7-1b3c-4c4b-a534-db0568f6e9a2" providerId="ADAL" clId="{CDB60B17-C291-4FC9-8E76-C8CCB0442CD6}" dt="2025-11-12T16:26:08.069" v="83"/>
          <ac:picMkLst>
            <pc:docMk/>
            <pc:sldMk cId="847787837" sldId="274"/>
            <ac:picMk id="6" creationId="{FC76647C-B0EC-814A-FAF9-D4C3FC17E70C}"/>
          </ac:picMkLst>
        </pc:picChg>
        <pc:picChg chg="del">
          <ac:chgData name="Carlota Hernández Jaubert" userId="1eb451b7-1b3c-4c4b-a534-db0568f6e9a2" providerId="ADAL" clId="{CDB60B17-C291-4FC9-8E76-C8CCB0442CD6}" dt="2025-11-12T16:15:34.830" v="18" actId="478"/>
          <ac:picMkLst>
            <pc:docMk/>
            <pc:sldMk cId="847787837" sldId="274"/>
            <ac:picMk id="12" creationId="{0E372CE2-E680-1978-6067-48E26B2A6D82}"/>
          </ac:picMkLst>
        </pc:picChg>
        <pc:picChg chg="del">
          <ac:chgData name="Carlota Hernández Jaubert" userId="1eb451b7-1b3c-4c4b-a534-db0568f6e9a2" providerId="ADAL" clId="{CDB60B17-C291-4FC9-8E76-C8CCB0442CD6}" dt="2025-11-12T16:25:27.580" v="63" actId="478"/>
          <ac:picMkLst>
            <pc:docMk/>
            <pc:sldMk cId="847787837" sldId="274"/>
            <ac:picMk id="13" creationId="{176CC98A-6E11-5AF9-5239-963BC985FF30}"/>
          </ac:picMkLst>
        </pc:picChg>
        <pc:picChg chg="del">
          <ac:chgData name="Carlota Hernández Jaubert" userId="1eb451b7-1b3c-4c4b-a534-db0568f6e9a2" providerId="ADAL" clId="{CDB60B17-C291-4FC9-8E76-C8CCB0442CD6}" dt="2025-11-12T16:15:37.097" v="20" actId="478"/>
          <ac:picMkLst>
            <pc:docMk/>
            <pc:sldMk cId="847787837" sldId="274"/>
            <ac:picMk id="15" creationId="{7DF0E727-3519-8EEE-0552-FE0962CEFB6C}"/>
          </ac:picMkLst>
        </pc:picChg>
        <pc:picChg chg="add del mod modVis">
          <ac:chgData name="Carlota Hernández Jaubert" userId="1eb451b7-1b3c-4c4b-a534-db0568f6e9a2" providerId="ADAL" clId="{CDB60B17-C291-4FC9-8E76-C8CCB0442CD6}" dt="2025-11-12T16:25:19.443" v="58" actId="478"/>
          <ac:picMkLst>
            <pc:docMk/>
            <pc:sldMk cId="847787837" sldId="274"/>
            <ac:picMk id="20" creationId="{CE1052CA-4826-F3B7-F4D8-CD88B4A6B313}"/>
          </ac:picMkLst>
        </pc:picChg>
      </pc:sldChg>
      <pc:sldChg chg="addSp delSp modSp mod">
        <pc:chgData name="Carlota Hernández Jaubert" userId="1eb451b7-1b3c-4c4b-a534-db0568f6e9a2" providerId="ADAL" clId="{CDB60B17-C291-4FC9-8E76-C8CCB0442CD6}" dt="2025-11-12T16:32:51.705" v="103"/>
        <pc:sldMkLst>
          <pc:docMk/>
          <pc:sldMk cId="374593191" sldId="275"/>
        </pc:sldMkLst>
        <pc:spChg chg="del">
          <ac:chgData name="Carlota Hernández Jaubert" userId="1eb451b7-1b3c-4c4b-a534-db0568f6e9a2" providerId="ADAL" clId="{CDB60B17-C291-4FC9-8E76-C8CCB0442CD6}" dt="2025-11-12T16:24:34.774" v="43" actId="478"/>
          <ac:spMkLst>
            <pc:docMk/>
            <pc:sldMk cId="374593191" sldId="275"/>
            <ac:spMk id="2" creationId="{86BBEA38-D4EA-354A-C0A7-F4FF3D9D75D3}"/>
          </ac:spMkLst>
        </pc:spChg>
        <pc:spChg chg="del mod">
          <ac:chgData name="Carlota Hernández Jaubert" userId="1eb451b7-1b3c-4c4b-a534-db0568f6e9a2" providerId="ADAL" clId="{CDB60B17-C291-4FC9-8E76-C8CCB0442CD6}" dt="2025-11-12T16:24:39.404" v="48" actId="478"/>
          <ac:spMkLst>
            <pc:docMk/>
            <pc:sldMk cId="374593191" sldId="275"/>
            <ac:spMk id="4" creationId="{7E1472A5-197C-1DC7-ED15-A9F5E47E1C48}"/>
          </ac:spMkLst>
        </pc:spChg>
        <pc:spChg chg="add del mod">
          <ac:chgData name="Carlota Hernández Jaubert" userId="1eb451b7-1b3c-4c4b-a534-db0568f6e9a2" providerId="ADAL" clId="{CDB60B17-C291-4FC9-8E76-C8CCB0442CD6}" dt="2025-11-12T16:24:40.965" v="50" actId="478"/>
          <ac:spMkLst>
            <pc:docMk/>
            <pc:sldMk cId="374593191" sldId="275"/>
            <ac:spMk id="5" creationId="{7BD54863-F0CE-EDC6-9DB2-8060864AA957}"/>
          </ac:spMkLst>
        </pc:spChg>
        <pc:spChg chg="del">
          <ac:chgData name="Carlota Hernández Jaubert" userId="1eb451b7-1b3c-4c4b-a534-db0568f6e9a2" providerId="ADAL" clId="{CDB60B17-C291-4FC9-8E76-C8CCB0442CD6}" dt="2025-11-12T16:12:03.315" v="3" actId="478"/>
          <ac:spMkLst>
            <pc:docMk/>
            <pc:sldMk cId="374593191" sldId="275"/>
            <ac:spMk id="7" creationId="{E466A3B2-2BDE-1EF1-4673-F85D959E72AA}"/>
          </ac:spMkLst>
        </pc:spChg>
        <pc:spChg chg="del">
          <ac:chgData name="Carlota Hernández Jaubert" userId="1eb451b7-1b3c-4c4b-a534-db0568f6e9a2" providerId="ADAL" clId="{CDB60B17-C291-4FC9-8E76-C8CCB0442CD6}" dt="2025-11-12T16:24:32.851" v="40" actId="478"/>
          <ac:spMkLst>
            <pc:docMk/>
            <pc:sldMk cId="374593191" sldId="275"/>
            <ac:spMk id="8" creationId="{183B3A07-24CC-C1F5-2CE0-970547FA5B6F}"/>
          </ac:spMkLst>
        </pc:spChg>
        <pc:spChg chg="del">
          <ac:chgData name="Carlota Hernández Jaubert" userId="1eb451b7-1b3c-4c4b-a534-db0568f6e9a2" providerId="ADAL" clId="{CDB60B17-C291-4FC9-8E76-C8CCB0442CD6}" dt="2025-11-12T16:24:33.460" v="41" actId="478"/>
          <ac:spMkLst>
            <pc:docMk/>
            <pc:sldMk cId="374593191" sldId="275"/>
            <ac:spMk id="10" creationId="{1AD3E06A-283C-F4B1-4B61-284D1AD63208}"/>
          </ac:spMkLst>
        </pc:spChg>
        <pc:spChg chg="del">
          <ac:chgData name="Carlota Hernández Jaubert" userId="1eb451b7-1b3c-4c4b-a534-db0568f6e9a2" providerId="ADAL" clId="{CDB60B17-C291-4FC9-8E76-C8CCB0442CD6}" dt="2025-11-12T16:24:34.142" v="42" actId="478"/>
          <ac:spMkLst>
            <pc:docMk/>
            <pc:sldMk cId="374593191" sldId="275"/>
            <ac:spMk id="11" creationId="{6100609D-04CF-1B28-2856-83B84D3B7C11}"/>
          </ac:spMkLst>
        </pc:spChg>
        <pc:spChg chg="del mod">
          <ac:chgData name="Carlota Hernández Jaubert" userId="1eb451b7-1b3c-4c4b-a534-db0568f6e9a2" providerId="ADAL" clId="{CDB60B17-C291-4FC9-8E76-C8CCB0442CD6}" dt="2025-11-12T16:24:37.757" v="46" actId="478"/>
          <ac:spMkLst>
            <pc:docMk/>
            <pc:sldMk cId="374593191" sldId="275"/>
            <ac:spMk id="13" creationId="{0ECB4A5E-327D-B54C-56DF-2FD2060E075F}"/>
          </ac:spMkLst>
        </pc:spChg>
        <pc:spChg chg="del">
          <ac:chgData name="Carlota Hernández Jaubert" userId="1eb451b7-1b3c-4c4b-a534-db0568f6e9a2" providerId="ADAL" clId="{CDB60B17-C291-4FC9-8E76-C8CCB0442CD6}" dt="2025-11-12T16:24:38.564" v="47" actId="478"/>
          <ac:spMkLst>
            <pc:docMk/>
            <pc:sldMk cId="374593191" sldId="275"/>
            <ac:spMk id="16" creationId="{59F59A3D-CED1-4ADF-2CF9-425CD009A47F}"/>
          </ac:spMkLst>
        </pc:spChg>
        <pc:spChg chg="del">
          <ac:chgData name="Carlota Hernández Jaubert" userId="1eb451b7-1b3c-4c4b-a534-db0568f6e9a2" providerId="ADAL" clId="{CDB60B17-C291-4FC9-8E76-C8CCB0442CD6}" dt="2025-11-12T16:24:36.401" v="45" actId="478"/>
          <ac:spMkLst>
            <pc:docMk/>
            <pc:sldMk cId="374593191" sldId="275"/>
            <ac:spMk id="17" creationId="{D465639F-9275-2E8A-9EF1-40A3FCA9F8A1}"/>
          </ac:spMkLst>
        </pc:spChg>
        <pc:picChg chg="del">
          <ac:chgData name="Carlota Hernández Jaubert" userId="1eb451b7-1b3c-4c4b-a534-db0568f6e9a2" providerId="ADAL" clId="{CDB60B17-C291-4FC9-8E76-C8CCB0442CD6}" dt="2025-11-12T16:12:04.070" v="4" actId="478"/>
          <ac:picMkLst>
            <pc:docMk/>
            <pc:sldMk cId="374593191" sldId="275"/>
            <ac:picMk id="5" creationId="{BDB05D21-D253-38D8-728A-A9F68FDD3F00}"/>
          </ac:picMkLst>
        </pc:picChg>
        <pc:picChg chg="mod ord">
          <ac:chgData name="Carlota Hernández Jaubert" userId="1eb451b7-1b3c-4c4b-a534-db0568f6e9a2" providerId="ADAL" clId="{CDB60B17-C291-4FC9-8E76-C8CCB0442CD6}" dt="2025-11-12T16:32:51.705" v="103"/>
          <ac:picMkLst>
            <pc:docMk/>
            <pc:sldMk cId="374593191" sldId="275"/>
            <ac:picMk id="6" creationId="{E8DCC5DB-A901-36BA-23B9-F78295C84A00}"/>
          </ac:picMkLst>
        </pc:picChg>
        <pc:picChg chg="del">
          <ac:chgData name="Carlota Hernández Jaubert" userId="1eb451b7-1b3c-4c4b-a534-db0568f6e9a2" providerId="ADAL" clId="{CDB60B17-C291-4FC9-8E76-C8CCB0442CD6}" dt="2025-11-12T16:12:05.447" v="7" actId="478"/>
          <ac:picMkLst>
            <pc:docMk/>
            <pc:sldMk cId="374593191" sldId="275"/>
            <ac:picMk id="9" creationId="{9547324C-7A2A-4460-A19A-F48C114F66EF}"/>
          </ac:picMkLst>
        </pc:picChg>
        <pc:picChg chg="add del mod">
          <ac:chgData name="Carlota Hernández Jaubert" userId="1eb451b7-1b3c-4c4b-a534-db0568f6e9a2" providerId="ADAL" clId="{CDB60B17-C291-4FC9-8E76-C8CCB0442CD6}" dt="2025-11-12T16:24:40.194" v="49" actId="478"/>
          <ac:picMkLst>
            <pc:docMk/>
            <pc:sldMk cId="374593191" sldId="275"/>
            <ac:picMk id="12" creationId="{64050351-F36F-B8D7-F0F6-A7CA0E4BC638}"/>
          </ac:picMkLst>
        </pc:picChg>
        <pc:picChg chg="del">
          <ac:chgData name="Carlota Hernández Jaubert" userId="1eb451b7-1b3c-4c4b-a534-db0568f6e9a2" providerId="ADAL" clId="{CDB60B17-C291-4FC9-8E76-C8CCB0442CD6}" dt="2025-11-12T16:24:35.774" v="44" actId="478"/>
          <ac:picMkLst>
            <pc:docMk/>
            <pc:sldMk cId="374593191" sldId="275"/>
            <ac:picMk id="15" creationId="{8E99926D-0CEA-ED9A-56C8-2502B425E663}"/>
          </ac:picMkLst>
        </pc:picChg>
      </pc:sldChg>
      <pc:sldMasterChg chg="addSp mod">
        <pc:chgData name="Carlota Hernández Jaubert" userId="1eb451b7-1b3c-4c4b-a534-db0568f6e9a2" providerId="ADAL" clId="{CDB60B17-C291-4FC9-8E76-C8CCB0442CD6}" dt="2025-11-12T16:12:04.903" v="5" actId="33475"/>
        <pc:sldMasterMkLst>
          <pc:docMk/>
          <pc:sldMasterMk cId="1570318044" sldId="2147483648"/>
        </pc:sldMasterMkLst>
        <pc:spChg chg="add">
          <ac:chgData name="Carlota Hernández Jaubert" userId="1eb451b7-1b3c-4c4b-a534-db0568f6e9a2" providerId="ADAL" clId="{CDB60B17-C291-4FC9-8E76-C8CCB0442CD6}" dt="2025-11-12T16:12:04.903" v="5" actId="33475"/>
          <ac:spMkLst>
            <pc:docMk/>
            <pc:sldMasterMk cId="1570318044" sldId="2147483648"/>
            <ac:spMk id="8" creationId="{8C6B55BF-4C93-521B-BC35-93F5FA1F2418}"/>
          </ac:spMkLst>
        </pc:spChg>
      </pc:sldMasterChg>
      <pc:sldMasterChg chg="addSp mod">
        <pc:chgData name="Carlota Hernández Jaubert" userId="1eb451b7-1b3c-4c4b-a534-db0568f6e9a2" providerId="ADAL" clId="{CDB60B17-C291-4FC9-8E76-C8CCB0442CD6}" dt="2025-11-12T16:12:04.903" v="5" actId="33475"/>
        <pc:sldMasterMkLst>
          <pc:docMk/>
          <pc:sldMasterMk cId="4184635616" sldId="2147483662"/>
        </pc:sldMasterMkLst>
        <pc:spChg chg="add">
          <ac:chgData name="Carlota Hernández Jaubert" userId="1eb451b7-1b3c-4c4b-a534-db0568f6e9a2" providerId="ADAL" clId="{CDB60B17-C291-4FC9-8E76-C8CCB0442CD6}" dt="2025-11-12T16:12:04.903" v="5" actId="33475"/>
          <ac:spMkLst>
            <pc:docMk/>
            <pc:sldMasterMk cId="4184635616" sldId="2147483662"/>
            <ac:spMk id="8" creationId="{450C3DA6-94DF-9BD1-3F5F-1B8619F4B392}"/>
          </ac:spMkLst>
        </pc:spChg>
      </pc:sldMasterChg>
    </pc:docChg>
  </pc:docChgLst>
  <pc:docChgLst>
    <pc:chgData name="Miora Rakotomavo" userId="0542eb8e-0c83-4bd8-bda9-0dca6cb8b5f9" providerId="ADAL" clId="{94FA744B-113A-4206-A16F-6C4F68800DF9}"/>
    <pc:docChg chg="undo custSel addSld delSld modSld addSection delSection modSection">
      <pc:chgData name="Miora Rakotomavo" userId="0542eb8e-0c83-4bd8-bda9-0dca6cb8b5f9" providerId="ADAL" clId="{94FA744B-113A-4206-A16F-6C4F68800DF9}" dt="2024-07-02T10:14:41.726" v="35" actId="47"/>
      <pc:docMkLst>
        <pc:docMk/>
      </pc:docMkLst>
      <pc:sldChg chg="addSp delSp modSp add del mod modClrScheme chgLayout">
        <pc:chgData name="Miora Rakotomavo" userId="0542eb8e-0c83-4bd8-bda9-0dca6cb8b5f9" providerId="ADAL" clId="{94FA744B-113A-4206-A16F-6C4F68800DF9}" dt="2024-07-02T10:14:41.726" v="35" actId="47"/>
        <pc:sldMkLst>
          <pc:docMk/>
          <pc:sldMk cId="2430458779" sldId="260"/>
        </pc:sldMkLst>
      </pc:sldChg>
      <pc:sldChg chg="addSp modSp mod">
        <pc:chgData name="Miora Rakotomavo" userId="0542eb8e-0c83-4bd8-bda9-0dca6cb8b5f9" providerId="ADAL" clId="{94FA744B-113A-4206-A16F-6C4F68800DF9}" dt="2024-07-02T07:39:45.820" v="13" actId="1076"/>
        <pc:sldMkLst>
          <pc:docMk/>
          <pc:sldMk cId="3035780936" sldId="271"/>
        </pc:sldMkLst>
      </pc:sldChg>
      <pc:sldChg chg="modSp mod">
        <pc:chgData name="Miora Rakotomavo" userId="0542eb8e-0c83-4bd8-bda9-0dca6cb8b5f9" providerId="ADAL" clId="{94FA744B-113A-4206-A16F-6C4F68800DF9}" dt="2024-07-02T07:38:48.128" v="4" actId="1076"/>
        <pc:sldMkLst>
          <pc:docMk/>
          <pc:sldMk cId="2589883871" sldId="273"/>
        </pc:sldMkLst>
      </pc:sldChg>
      <pc:sldChg chg="addSp delSp modSp mod">
        <pc:chgData name="Miora Rakotomavo" userId="0542eb8e-0c83-4bd8-bda9-0dca6cb8b5f9" providerId="ADAL" clId="{94FA744B-113A-4206-A16F-6C4F68800DF9}" dt="2024-07-02T10:13:19.261" v="27" actId="478"/>
        <pc:sldMkLst>
          <pc:docMk/>
          <pc:sldMk cId="847787837" sldId="274"/>
        </pc:sldMkLst>
      </pc:sldChg>
      <pc:sldMasterChg chg="delSldLayout">
        <pc:chgData name="Miora Rakotomavo" userId="0542eb8e-0c83-4bd8-bda9-0dca6cb8b5f9" providerId="ADAL" clId="{94FA744B-113A-4206-A16F-6C4F68800DF9}" dt="2024-07-02T10:14:41.726" v="35" actId="47"/>
        <pc:sldMasterMkLst>
          <pc:docMk/>
          <pc:sldMasterMk cId="4184635616" sldId="2147483662"/>
        </pc:sldMasterMkLst>
        <pc:sldLayoutChg chg="del">
          <pc:chgData name="Miora Rakotomavo" userId="0542eb8e-0c83-4bd8-bda9-0dca6cb8b5f9" providerId="ADAL" clId="{94FA744B-113A-4206-A16F-6C4F68800DF9}" dt="2024-07-02T10:14:41.726" v="35" actId="47"/>
          <pc:sldLayoutMkLst>
            <pc:docMk/>
            <pc:sldMasterMk cId="4184635616" sldId="2147483662"/>
            <pc:sldLayoutMk cId="1191810816" sldId="2147483673"/>
          </pc:sldLayoutMkLst>
        </pc:sldLayoutChg>
      </pc:sldMasterChg>
    </pc:docChg>
  </pc:docChgLst>
  <pc:docChgLst>
    <pc:chgData name="Francesca Pastorino" userId="40524a23-af0d-4d61-a12a-da25e3edc12f" providerId="ADAL" clId="{C674974D-4C62-4B98-AB94-9AF388D7E42D}"/>
    <pc:docChg chg="undo redo custSel addSld delSld modSld">
      <pc:chgData name="Francesca Pastorino" userId="40524a23-af0d-4d61-a12a-da25e3edc12f" providerId="ADAL" clId="{C674974D-4C62-4B98-AB94-9AF388D7E42D}" dt="2024-01-03T11:48:52.424" v="115" actId="2696"/>
      <pc:docMkLst>
        <pc:docMk/>
      </pc:docMkLst>
      <pc:sldChg chg="addSp delSp modSp del">
        <pc:chgData name="Francesca Pastorino" userId="40524a23-af0d-4d61-a12a-da25e3edc12f" providerId="ADAL" clId="{C674974D-4C62-4B98-AB94-9AF388D7E42D}" dt="2024-01-03T11:48:52.424" v="115" actId="2696"/>
        <pc:sldMkLst>
          <pc:docMk/>
          <pc:sldMk cId="1842853321" sldId="270"/>
        </pc:sldMkLst>
      </pc:sldChg>
      <pc:sldChg chg="addSp delSp modSp mod">
        <pc:chgData name="Francesca Pastorino" userId="40524a23-af0d-4d61-a12a-da25e3edc12f" providerId="ADAL" clId="{C674974D-4C62-4B98-AB94-9AF388D7E42D}" dt="2024-01-03T11:48:36.602" v="113" actId="1076"/>
        <pc:sldMkLst>
          <pc:docMk/>
          <pc:sldMk cId="3035780936" sldId="271"/>
        </pc:sldMkLst>
      </pc:sldChg>
      <pc:sldChg chg="addSp delSp modSp mod">
        <pc:chgData name="Francesca Pastorino" userId="40524a23-af0d-4d61-a12a-da25e3edc12f" providerId="ADAL" clId="{C674974D-4C62-4B98-AB94-9AF388D7E42D}" dt="2024-01-03T11:45:09.357" v="94"/>
        <pc:sldMkLst>
          <pc:docMk/>
          <pc:sldMk cId="2589883871" sldId="273"/>
        </pc:sldMkLst>
      </pc:sldChg>
      <pc:sldChg chg="addSp delSp modSp mod">
        <pc:chgData name="Francesca Pastorino" userId="40524a23-af0d-4d61-a12a-da25e3edc12f" providerId="ADAL" clId="{C674974D-4C62-4B98-AB94-9AF388D7E42D}" dt="2024-01-03T11:45:03.060" v="91"/>
        <pc:sldMkLst>
          <pc:docMk/>
          <pc:sldMk cId="847787837" sldId="274"/>
        </pc:sldMkLst>
      </pc:sldChg>
      <pc:sldChg chg="addSp delSp modSp add mod">
        <pc:chgData name="Francesca Pastorino" userId="40524a23-af0d-4d61-a12a-da25e3edc12f" providerId="ADAL" clId="{C674974D-4C62-4B98-AB94-9AF388D7E42D}" dt="2024-01-03T11:44:39.987" v="88" actId="1076"/>
        <pc:sldMkLst>
          <pc:docMk/>
          <pc:sldMk cId="374593191" sldId="275"/>
        </pc:sldMkLst>
      </pc:sldChg>
      <pc:sldChg chg="addSp delSp modSp add del mod">
        <pc:chgData name="Francesca Pastorino" userId="40524a23-af0d-4d61-a12a-da25e3edc12f" providerId="ADAL" clId="{C674974D-4C62-4B98-AB94-9AF388D7E42D}" dt="2024-01-03T11:48:39.128" v="114" actId="47"/>
        <pc:sldMkLst>
          <pc:docMk/>
          <pc:sldMk cId="266583259" sldId="276"/>
        </pc:sldMkLst>
      </pc:sldChg>
    </pc:docChg>
  </pc:docChgLst>
  <pc:docChgLst>
    <pc:chgData name="Gloria Asiimwe" userId="c024b75d-292e-4c56-9621-7e555a0fc6d4" providerId="ADAL" clId="{C463917F-475A-477D-8719-FF8AEB280DF0}"/>
    <pc:docChg chg="custSel modSld">
      <pc:chgData name="Gloria Asiimwe" userId="c024b75d-292e-4c56-9621-7e555a0fc6d4" providerId="ADAL" clId="{C463917F-475A-477D-8719-FF8AEB280DF0}" dt="2024-06-07T08:42:11.542" v="13" actId="33524"/>
      <pc:docMkLst>
        <pc:docMk/>
      </pc:docMkLst>
      <pc:sldChg chg="modSp mod">
        <pc:chgData name="Gloria Asiimwe" userId="c024b75d-292e-4c56-9621-7e555a0fc6d4" providerId="ADAL" clId="{C463917F-475A-477D-8719-FF8AEB280DF0}" dt="2024-06-07T08:42:11.542" v="13" actId="33524"/>
        <pc:sldMkLst>
          <pc:docMk/>
          <pc:sldMk cId="374593191" sldId="275"/>
        </pc:sldMkLst>
      </pc:sldChg>
    </pc:docChg>
  </pc:docChgLst>
  <pc:docChgLst>
    <pc:chgData name="Nataly Echezuria" userId="016cf74e-e64d-40ef-b55b-1485ed1ed370" providerId="ADAL" clId="{B4F2FD93-4104-4FE8-BEC1-60379C13BA34}"/>
    <pc:docChg chg="custSel modSld">
      <pc:chgData name="Nataly Echezuria" userId="016cf74e-e64d-40ef-b55b-1485ed1ed370" providerId="ADAL" clId="{B4F2FD93-4104-4FE8-BEC1-60379C13BA34}" dt="2023-10-16T11:35:44.669" v="12"/>
      <pc:docMkLst>
        <pc:docMk/>
      </pc:docMkLst>
      <pc:sldChg chg="addSp delSp modSp mod">
        <pc:chgData name="Nataly Echezuria" userId="016cf74e-e64d-40ef-b55b-1485ed1ed370" providerId="ADAL" clId="{B4F2FD93-4104-4FE8-BEC1-60379C13BA34}" dt="2023-10-16T11:35:44.669" v="12"/>
        <pc:sldMkLst>
          <pc:docMk/>
          <pc:sldMk cId="2589883871" sldId="273"/>
        </pc:sldMkLst>
      </pc:sldChg>
    </pc:docChg>
  </pc:docChgLst>
  <pc:docChgLst>
    <pc:chgData name="Kristabela Garnace" userId="997c92d6-c8db-4a35-a0be-1d48cc4c28a8" providerId="ADAL" clId="{13FBB86D-CBB1-4FF3-AE95-3BB8C8736D68}"/>
    <pc:docChg chg="modSld">
      <pc:chgData name="Kristabela Garnace" userId="997c92d6-c8db-4a35-a0be-1d48cc4c28a8" providerId="ADAL" clId="{13FBB86D-CBB1-4FF3-AE95-3BB8C8736D68}" dt="2023-11-09T12:44:59.234" v="1" actId="13244"/>
      <pc:docMkLst>
        <pc:docMk/>
      </pc:docMkLst>
      <pc:sldChg chg="modSp mod">
        <pc:chgData name="Kristabela Garnace" userId="997c92d6-c8db-4a35-a0be-1d48cc4c28a8" providerId="ADAL" clId="{13FBB86D-CBB1-4FF3-AE95-3BB8C8736D68}" dt="2023-11-09T12:44:59.234" v="1" actId="13244"/>
        <pc:sldMkLst>
          <pc:docMk/>
          <pc:sldMk cId="1842853321" sldId="270"/>
        </pc:sldMkLst>
      </pc:sldChg>
    </pc:docChg>
  </pc:docChgLst>
  <pc:docChgLst>
    <pc:chgData name="Nataly Echezuria" userId="016cf74e-e64d-40ef-b55b-1485ed1ed370" providerId="ADAL" clId="{E5D12916-47AB-4835-8339-B62003A5C3A0}"/>
    <pc:docChg chg="undo custSel delSld modSld">
      <pc:chgData name="Nataly Echezuria" userId="016cf74e-e64d-40ef-b55b-1485ed1ed370" providerId="ADAL" clId="{E5D12916-47AB-4835-8339-B62003A5C3A0}" dt="2023-12-21T14:51:40.155" v="220" actId="478"/>
      <pc:docMkLst>
        <pc:docMk/>
      </pc:docMkLst>
      <pc:sldChg chg="addSp delSp modSp del mod">
        <pc:chgData name="Nataly Echezuria" userId="016cf74e-e64d-40ef-b55b-1485ed1ed370" providerId="ADAL" clId="{E5D12916-47AB-4835-8339-B62003A5C3A0}" dt="2023-12-21T14:44:40.931" v="108" actId="47"/>
        <pc:sldMkLst>
          <pc:docMk/>
          <pc:sldMk cId="4276101519" sldId="268"/>
        </pc:sldMkLst>
      </pc:sldChg>
      <pc:sldChg chg="addSp delSp modSp mod">
        <pc:chgData name="Nataly Echezuria" userId="016cf74e-e64d-40ef-b55b-1485ed1ed370" providerId="ADAL" clId="{E5D12916-47AB-4835-8339-B62003A5C3A0}" dt="2023-12-21T14:43:45.189" v="99" actId="1035"/>
        <pc:sldMkLst>
          <pc:docMk/>
          <pc:sldMk cId="1842853321" sldId="270"/>
        </pc:sldMkLst>
      </pc:sldChg>
      <pc:sldChg chg="addSp delSp modSp mod">
        <pc:chgData name="Nataly Echezuria" userId="016cf74e-e64d-40ef-b55b-1485ed1ed370" providerId="ADAL" clId="{E5D12916-47AB-4835-8339-B62003A5C3A0}" dt="2023-12-21T14:51:32.745" v="218" actId="12788"/>
        <pc:sldMkLst>
          <pc:docMk/>
          <pc:sldMk cId="3035780936" sldId="271"/>
        </pc:sldMkLst>
      </pc:sldChg>
      <pc:sldChg chg="addSp delSp modSp mod">
        <pc:chgData name="Nataly Echezuria" userId="016cf74e-e64d-40ef-b55b-1485ed1ed370" providerId="ADAL" clId="{E5D12916-47AB-4835-8339-B62003A5C3A0}" dt="2023-12-21T14:48:40.528" v="194"/>
        <pc:sldMkLst>
          <pc:docMk/>
          <pc:sldMk cId="2589883871" sldId="273"/>
        </pc:sldMkLst>
      </pc:sldChg>
      <pc:sldChg chg="addSp delSp modSp mod">
        <pc:chgData name="Nataly Echezuria" userId="016cf74e-e64d-40ef-b55b-1485ed1ed370" providerId="ADAL" clId="{E5D12916-47AB-4835-8339-B62003A5C3A0}" dt="2023-12-21T14:51:40.155" v="220" actId="478"/>
        <pc:sldMkLst>
          <pc:docMk/>
          <pc:sldMk cId="847787837" sldId="274"/>
        </pc:sldMkLst>
      </pc:sldChg>
      <pc:sldChg chg="del">
        <pc:chgData name="Nataly Echezuria" userId="016cf74e-e64d-40ef-b55b-1485ed1ed370" providerId="ADAL" clId="{E5D12916-47AB-4835-8339-B62003A5C3A0}" dt="2023-12-21T14:44:45.526" v="109" actId="47"/>
        <pc:sldMkLst>
          <pc:docMk/>
          <pc:sldMk cId="4114933033" sldId="275"/>
        </pc:sldMkLst>
      </pc:sldChg>
    </pc:docChg>
  </pc:docChgLst>
  <pc:docChgLst>
    <pc:chgData name="Nataly Echezuria" userId="016cf74e-e64d-40ef-b55b-1485ed1ed370" providerId="ADAL" clId="{632A611A-C5FE-41FC-90F0-8435798CB5BA}"/>
    <pc:docChg chg="modSld">
      <pc:chgData name="Nataly Echezuria" userId="016cf74e-e64d-40ef-b55b-1485ed1ed370" providerId="ADAL" clId="{632A611A-C5FE-41FC-90F0-8435798CB5BA}" dt="2023-10-05T10:47:21.046" v="5" actId="2711"/>
      <pc:docMkLst>
        <pc:docMk/>
      </pc:docMkLst>
      <pc:sldChg chg="addSp modSp mod">
        <pc:chgData name="Nataly Echezuria" userId="016cf74e-e64d-40ef-b55b-1485ed1ed370" providerId="ADAL" clId="{632A611A-C5FE-41FC-90F0-8435798CB5BA}" dt="2023-10-05T10:47:21.046" v="5" actId="2711"/>
        <pc:sldMkLst>
          <pc:docMk/>
          <pc:sldMk cId="1842853321" sldId="270"/>
        </pc:sldMkLst>
      </pc:sldChg>
    </pc:docChg>
  </pc:docChgLst>
  <pc:docChgLst>
    <pc:chgData name="Nataly Echezuria" userId="016cf74e-e64d-40ef-b55b-1485ed1ed370" providerId="ADAL" clId="{6E2361FD-7486-4A4C-8FDB-B68A9827A0D6}"/>
    <pc:docChg chg="undo custSel modSld">
      <pc:chgData name="Nataly Echezuria" userId="016cf74e-e64d-40ef-b55b-1485ed1ed370" providerId="ADAL" clId="{6E2361FD-7486-4A4C-8FDB-B68A9827A0D6}" dt="2024-01-24T13:48:26.393" v="119" actId="12788"/>
      <pc:docMkLst>
        <pc:docMk/>
      </pc:docMkLst>
      <pc:sldChg chg="addSp delSp modSp mod">
        <pc:chgData name="Nataly Echezuria" userId="016cf74e-e64d-40ef-b55b-1485ed1ed370" providerId="ADAL" clId="{6E2361FD-7486-4A4C-8FDB-B68A9827A0D6}" dt="2024-01-24T13:48:26.393" v="119" actId="12788"/>
        <pc:sldMkLst>
          <pc:docMk/>
          <pc:sldMk cId="3035780936" sldId="271"/>
        </pc:sldMkLst>
      </pc:sldChg>
      <pc:sldChg chg="addSp delSp modSp mod">
        <pc:chgData name="Nataly Echezuria" userId="016cf74e-e64d-40ef-b55b-1485ed1ed370" providerId="ADAL" clId="{6E2361FD-7486-4A4C-8FDB-B68A9827A0D6}" dt="2024-01-24T13:40:22.714" v="96" actId="13244"/>
        <pc:sldMkLst>
          <pc:docMk/>
          <pc:sldMk cId="2589883871" sldId="273"/>
        </pc:sldMkLst>
      </pc:sldChg>
      <pc:sldChg chg="addSp delSp modSp mod">
        <pc:chgData name="Nataly Echezuria" userId="016cf74e-e64d-40ef-b55b-1485ed1ed370" providerId="ADAL" clId="{6E2361FD-7486-4A4C-8FDB-B68A9827A0D6}" dt="2024-01-24T13:47:27.576" v="114" actId="12789"/>
        <pc:sldMkLst>
          <pc:docMk/>
          <pc:sldMk cId="847787837" sldId="274"/>
        </pc:sldMkLst>
      </pc:sldChg>
      <pc:sldChg chg="addSp delSp modSp mod">
        <pc:chgData name="Nataly Echezuria" userId="016cf74e-e64d-40ef-b55b-1485ed1ed370" providerId="ADAL" clId="{6E2361FD-7486-4A4C-8FDB-B68A9827A0D6}" dt="2024-01-24T13:38:30.521" v="51" actId="13244"/>
        <pc:sldMkLst>
          <pc:docMk/>
          <pc:sldMk cId="374593191" sldId="275"/>
        </pc:sldMkLst>
      </pc:sldChg>
    </pc:docChg>
  </pc:docChgLst>
  <pc:docChgLst>
    <pc:chgData name="Nataly Echezuria" userId="016cf74e-e64d-40ef-b55b-1485ed1ed370" providerId="ADAL" clId="{DEEE3ADE-1A0A-46EC-A7F6-CD13C506C10B}"/>
    <pc:docChg chg="undo redo custSel addSld delSld modSld sldOrd">
      <pc:chgData name="Nataly Echezuria" userId="016cf74e-e64d-40ef-b55b-1485ed1ed370" providerId="ADAL" clId="{DEEE3ADE-1A0A-46EC-A7F6-CD13C506C10B}" dt="2023-10-12T14:12:06.422" v="213" actId="47"/>
      <pc:docMkLst>
        <pc:docMk/>
      </pc:docMkLst>
      <pc:sldChg chg="add del">
        <pc:chgData name="Nataly Echezuria" userId="016cf74e-e64d-40ef-b55b-1485ed1ed370" providerId="ADAL" clId="{DEEE3ADE-1A0A-46EC-A7F6-CD13C506C10B}" dt="2023-10-12T13:25:34.561" v="23"/>
        <pc:sldMkLst>
          <pc:docMk/>
          <pc:sldMk cId="2149964016" sldId="257"/>
        </pc:sldMkLst>
      </pc:sldChg>
      <pc:sldChg chg="addSp delSp modSp mod">
        <pc:chgData name="Nataly Echezuria" userId="016cf74e-e64d-40ef-b55b-1485ed1ed370" providerId="ADAL" clId="{DEEE3ADE-1A0A-46EC-A7F6-CD13C506C10B}" dt="2023-10-12T14:03:36.345" v="203" actId="478"/>
        <pc:sldMkLst>
          <pc:docMk/>
          <pc:sldMk cId="4276101519" sldId="268"/>
        </pc:sldMkLst>
      </pc:sldChg>
      <pc:sldChg chg="del">
        <pc:chgData name="Nataly Echezuria" userId="016cf74e-e64d-40ef-b55b-1485ed1ed370" providerId="ADAL" clId="{DEEE3ADE-1A0A-46EC-A7F6-CD13C506C10B}" dt="2023-10-12T14:12:06.422" v="213" actId="47"/>
        <pc:sldMkLst>
          <pc:docMk/>
          <pc:sldMk cId="2406456757" sldId="269"/>
        </pc:sldMkLst>
      </pc:sldChg>
      <pc:sldChg chg="addSp delSp modSp add del mod">
        <pc:chgData name="Nataly Echezuria" userId="016cf74e-e64d-40ef-b55b-1485ed1ed370" providerId="ADAL" clId="{DEEE3ADE-1A0A-46EC-A7F6-CD13C506C10B}" dt="2023-10-12T13:38:38.389" v="148" actId="20577"/>
        <pc:sldMkLst>
          <pc:docMk/>
          <pc:sldMk cId="1842853321" sldId="270"/>
        </pc:sldMkLst>
      </pc:sldChg>
      <pc:sldChg chg="addSp delSp modSp mod">
        <pc:chgData name="Nataly Echezuria" userId="016cf74e-e64d-40ef-b55b-1485ed1ed370" providerId="ADAL" clId="{DEEE3ADE-1A0A-46EC-A7F6-CD13C506C10B}" dt="2023-10-12T14:02:46.447" v="201" actId="1076"/>
        <pc:sldMkLst>
          <pc:docMk/>
          <pc:sldMk cId="3035780936" sldId="271"/>
        </pc:sldMkLst>
      </pc:sldChg>
      <pc:sldChg chg="del">
        <pc:chgData name="Nataly Echezuria" userId="016cf74e-e64d-40ef-b55b-1485ed1ed370" providerId="ADAL" clId="{DEEE3ADE-1A0A-46EC-A7F6-CD13C506C10B}" dt="2023-10-12T14:05:53.546" v="204" actId="47"/>
        <pc:sldMkLst>
          <pc:docMk/>
          <pc:sldMk cId="2214891768" sldId="272"/>
        </pc:sldMkLst>
      </pc:sldChg>
      <pc:sldChg chg="addSp delSp modSp mod">
        <pc:chgData name="Nataly Echezuria" userId="016cf74e-e64d-40ef-b55b-1485ed1ed370" providerId="ADAL" clId="{DEEE3ADE-1A0A-46EC-A7F6-CD13C506C10B}" dt="2023-10-12T14:11:53.559" v="212" actId="13244"/>
        <pc:sldMkLst>
          <pc:docMk/>
          <pc:sldMk cId="2589883871" sldId="273"/>
        </pc:sldMkLst>
      </pc:sldChg>
      <pc:sldChg chg="addSp delSp modSp add del mod ord">
        <pc:chgData name="Nataly Echezuria" userId="016cf74e-e64d-40ef-b55b-1485ed1ed370" providerId="ADAL" clId="{DEEE3ADE-1A0A-46EC-A7F6-CD13C506C10B}" dt="2023-10-12T14:00:09.777" v="174" actId="47"/>
        <pc:sldMkLst>
          <pc:docMk/>
          <pc:sldMk cId="2934644895" sldId="274"/>
        </pc:sldMkLst>
      </pc:sldChg>
      <pc:sldMasterChg chg="addSldLayout delSldLayout">
        <pc:chgData name="Nataly Echezuria" userId="016cf74e-e64d-40ef-b55b-1485ed1ed370" providerId="ADAL" clId="{DEEE3ADE-1A0A-46EC-A7F6-CD13C506C10B}" dt="2023-10-12T13:25:40.917" v="24" actId="47"/>
        <pc:sldMasterMkLst>
          <pc:docMk/>
          <pc:sldMasterMk cId="1570318044" sldId="2147483648"/>
        </pc:sldMasterMkLst>
        <pc:sldLayoutChg chg="add del">
          <pc:chgData name="Nataly Echezuria" userId="016cf74e-e64d-40ef-b55b-1485ed1ed370" providerId="ADAL" clId="{DEEE3ADE-1A0A-46EC-A7F6-CD13C506C10B}" dt="2023-10-12T13:25:40.917" v="24" actId="47"/>
          <pc:sldLayoutMkLst>
            <pc:docMk/>
            <pc:sldMasterMk cId="1570318044" sldId="2147483648"/>
            <pc:sldLayoutMk cId="2775133810" sldId="2147483660"/>
          </pc:sldLayoutMkLst>
        </pc:sldLayoutChg>
      </pc:sldMasterChg>
    </pc:docChg>
  </pc:docChgLst>
  <pc:docChgLst>
    <pc:chgData name="Nataly Echezuria" userId="S::echezurian@iata.org::016cf74e-e64d-40ef-b55b-1485ed1ed370" providerId="AD" clId="Web-{58FCC70D-BE10-0B69-D270-DBCEF6FEF4F9}"/>
    <pc:docChg chg="modSld">
      <pc:chgData name="Nataly Echezuria" userId="S::echezurian@iata.org::016cf74e-e64d-40ef-b55b-1485ed1ed370" providerId="AD" clId="Web-{58FCC70D-BE10-0B69-D270-DBCEF6FEF4F9}" dt="2023-11-09T15:01:45.805" v="1" actId="20577"/>
      <pc:docMkLst>
        <pc:docMk/>
      </pc:docMkLst>
      <pc:sldChg chg="modSp">
        <pc:chgData name="Nataly Echezuria" userId="S::echezurian@iata.org::016cf74e-e64d-40ef-b55b-1485ed1ed370" providerId="AD" clId="Web-{58FCC70D-BE10-0B69-D270-DBCEF6FEF4F9}" dt="2023-11-09T15:01:45.805" v="1" actId="20577"/>
        <pc:sldMkLst>
          <pc:docMk/>
          <pc:sldMk cId="3035780936" sldId="271"/>
        </pc:sldMkLst>
      </pc:sldChg>
    </pc:docChg>
  </pc:docChgLst>
  <pc:docChgLst>
    <pc:chgData name="Francesca Pastorino" userId="S::pastorinof@iata.org::40524a23-af0d-4d61-a12a-da25e3edc12f" providerId="AD" clId="Web-{5FFC31BB-FEF3-CA90-944A-D98068011473}"/>
    <pc:docChg chg="modSld sldOrd">
      <pc:chgData name="Francesca Pastorino" userId="S::pastorinof@iata.org::40524a23-af0d-4d61-a12a-da25e3edc12f" providerId="AD" clId="Web-{5FFC31BB-FEF3-CA90-944A-D98068011473}" dt="2023-10-13T07:39:00.210" v="4"/>
      <pc:docMkLst>
        <pc:docMk/>
      </pc:docMkLst>
      <pc:sldChg chg="ord">
        <pc:chgData name="Francesca Pastorino" userId="S::pastorinof@iata.org::40524a23-af0d-4d61-a12a-da25e3edc12f" providerId="AD" clId="Web-{5FFC31BB-FEF3-CA90-944A-D98068011473}" dt="2023-10-13T07:39:00.210" v="4"/>
        <pc:sldMkLst>
          <pc:docMk/>
          <pc:sldMk cId="1842853321" sldId="270"/>
        </pc:sldMkLst>
      </pc:sldChg>
      <pc:sldChg chg="modSp">
        <pc:chgData name="Francesca Pastorino" userId="S::pastorinof@iata.org::40524a23-af0d-4d61-a12a-da25e3edc12f" providerId="AD" clId="Web-{5FFC31BB-FEF3-CA90-944A-D98068011473}" dt="2023-10-13T07:38:15.834" v="3" actId="20577"/>
        <pc:sldMkLst>
          <pc:docMk/>
          <pc:sldMk cId="2589883871" sldId="273"/>
        </pc:sldMkLst>
      </pc:sldChg>
    </pc:docChg>
  </pc:docChgLst>
  <pc:docChgLst>
    <pc:chgData clId="Web-{58FCC70D-BE10-0B69-D270-DBCEF6FEF4F9}"/>
    <pc:docChg chg="modSld">
      <pc:chgData name="" userId="" providerId="" clId="Web-{58FCC70D-BE10-0B69-D270-DBCEF6FEF4F9}" dt="2023-11-09T15:01:35.961" v="0" actId="20577"/>
      <pc:docMkLst>
        <pc:docMk/>
      </pc:docMkLst>
      <pc:sldChg chg="modSp">
        <pc:chgData name="" userId="" providerId="" clId="Web-{58FCC70D-BE10-0B69-D270-DBCEF6FEF4F9}" dt="2023-11-09T15:01:35.961" v="0" actId="20577"/>
        <pc:sldMkLst>
          <pc:docMk/>
          <pc:sldMk cId="3035780936" sldId="271"/>
        </pc:sldMkLst>
      </pc:sldChg>
    </pc:docChg>
  </pc:docChgLst>
  <pc:docChgLst>
    <pc:chgData name="Nataly Echezuria" userId="016cf74e-e64d-40ef-b55b-1485ed1ed370" providerId="ADAL" clId="{3B759AB6-F242-44A5-AA84-CD66A3864C3C}"/>
    <pc:docChg chg="undo custSel modSld">
      <pc:chgData name="Nataly Echezuria" userId="016cf74e-e64d-40ef-b55b-1485ed1ed370" providerId="ADAL" clId="{3B759AB6-F242-44A5-AA84-CD66A3864C3C}" dt="2024-03-19T15:10:39.004" v="20" actId="207"/>
      <pc:docMkLst>
        <pc:docMk/>
      </pc:docMkLst>
      <pc:sldChg chg="addSp delSp modSp mod">
        <pc:chgData name="Nataly Echezuria" userId="016cf74e-e64d-40ef-b55b-1485ed1ed370" providerId="ADAL" clId="{3B759AB6-F242-44A5-AA84-CD66A3864C3C}" dt="2024-03-19T15:10:39.004" v="20" actId="207"/>
        <pc:sldMkLst>
          <pc:docMk/>
          <pc:sldMk cId="3035780936" sldId="271"/>
        </pc:sldMkLst>
      </pc:sldChg>
      <pc:sldChg chg="addSp delSp modSp mod">
        <pc:chgData name="Nataly Echezuria" userId="016cf74e-e64d-40ef-b55b-1485ed1ed370" providerId="ADAL" clId="{3B759AB6-F242-44A5-AA84-CD66A3864C3C}" dt="2024-03-19T15:09:56.122" v="13"/>
        <pc:sldMkLst>
          <pc:docMk/>
          <pc:sldMk cId="2589883871" sldId="273"/>
        </pc:sldMkLst>
      </pc:sldChg>
      <pc:sldChg chg="addSp modSp mod">
        <pc:chgData name="Nataly Echezuria" userId="016cf74e-e64d-40ef-b55b-1485ed1ed370" providerId="ADAL" clId="{3B759AB6-F242-44A5-AA84-CD66A3864C3C}" dt="2024-03-19T15:09:37.800" v="10" actId="1076"/>
        <pc:sldMkLst>
          <pc:docMk/>
          <pc:sldMk cId="847787837" sldId="274"/>
        </pc:sldMkLst>
      </pc:sldChg>
      <pc:sldChg chg="addSp delSp modSp mod">
        <pc:chgData name="Nataly Echezuria" userId="016cf74e-e64d-40ef-b55b-1485ed1ed370" providerId="ADAL" clId="{3B759AB6-F242-44A5-AA84-CD66A3864C3C}" dt="2024-03-19T15:09:00.446" v="2"/>
        <pc:sldMkLst>
          <pc:docMk/>
          <pc:sldMk cId="374593191" sldId="275"/>
        </pc:sldMkLst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213A39E-74EA-2940-8DFD-CEDED66EE5B9}" type="datetimeFigureOut">
              <a:rPr lang="en-US" smtClean="0"/>
              <a:t>11/12/202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9C01CDD-EED7-6A47-8F70-0F65E6EC44B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793762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1/12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52193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FE8E93-99C0-4F4C-AB37-E729171113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DFB1897-B888-9346-92AF-5C8F2BD9E61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829AB-B605-0F40-A69E-092C95D164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1/12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22DFD7-2EBB-1542-9872-BC75504D2B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105B0D-8F95-3C4D-B876-789FE7E7B7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38122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3E69C5F-9C73-6E4E-8B50-3FBDEC5AF49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7172EEE-F983-CD47-B2CF-64B361C85BE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9DE8F8A-F341-C845-95EF-C41D993CD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1/12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631E72-2744-964D-9031-6AF76ECDD3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164DB0-3FA6-334B-BD52-6B7321FA29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48039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2775133810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12/11/2025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3194436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4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4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EE11BD8-6580-41DD-940E-B1D1B8B2E210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12 November 2025</a:t>
            </a:fld>
            <a:endParaRPr lang="en-US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97A30E8-35A3-4CE7-93BA-293D648C86FF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9738BE3-1506-4C98-A8EE-0BB4912D32C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0223583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WHITE_TextSlide_1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0821CC-265E-473E-BD96-BC93B6A49D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C4D5EE-B9EC-4B8B-B697-CD3B955461AE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98937FE-5C9B-40C9-8C55-48EB04CA346C}" type="datetime3">
              <a:rPr lang="en-US" smtClean="0"/>
              <a:pPr/>
              <a:t>12 November 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D518933-C06B-479E-8487-1189C2548F6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46022265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WHITE_TextSlide_2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97C326BA-A1F7-4E33-88FC-B76359D35FF4}" type="datetime3">
              <a:rPr lang="en-US" smtClean="0"/>
              <a:pPr/>
              <a:t>12 November 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5B7B4106-2F1F-45B9-9A64-FAC3DF7E09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18303317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WHITE_Title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82CEB40-7C69-47E5-9106-E566935D3F53}" type="datetime3">
              <a:rPr lang="en-US" smtClean="0"/>
              <a:pPr/>
              <a:t>12 November 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9E037E20-29EF-410F-AA70-D50FAE88B30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57804057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WHIT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reeform 5">
            <a:extLst>
              <a:ext uri="{FF2B5EF4-FFF2-40B4-BE49-F238E27FC236}">
                <a16:creationId xmlns:a16="http://schemas.microsoft.com/office/drawing/2014/main" id="{1A86010D-9F01-497B-8478-6CF04E7FA29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358FB484-E257-4956-8FB5-C4732E1049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12 November 2025</a:t>
            </a:fld>
            <a:endParaRPr lang="en-US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9AF5AAFD-95B3-4157-BBB5-7CC40DB355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A34BD8F-0033-4927-AA44-05B0484E3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3934967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ThankYou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DBB8F16C-570A-470A-AC41-3DFDC1411C3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547513D5-8313-4D89-8E49-067C97135D8A}" type="datetime3">
              <a:rPr lang="en-US" smtClean="0"/>
              <a:pPr/>
              <a:t>12 November 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73659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/>
              <a:t>Edit contact or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0F5EA913-91DE-4286-B6E6-13E414E8221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0130942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2985F9-31B5-2540-B937-EA189AF5DA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3CA9B0-BBB7-6441-A559-3E340EF867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47C409-8C8B-6D43-99F1-CFD69ACA47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1/12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27BCF6-BAE8-774D-A156-D3DAFAB60F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44C072-1B3F-3A41-9084-C3E7547A90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879125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1_WHITE_TextSlide_3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1675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404022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964083-8682-4D5C-A107-1853638C6A31}" type="datetime3">
              <a:rPr lang="en-US"/>
              <a:t>12 November 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9E565A-6679-4A67-8FB7-14EA342FD6E1}" type="slidenum">
              <a:rPr lang="en-US"/>
              <a:t>‹#›</a:t>
            </a:fld>
            <a:endParaRPr lang="en-US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CC9A967D-8A0B-4436-A012-333049F84F2E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8427720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73321478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3895379791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12/11/2025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7104316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1/12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51684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9FE67F-593F-EC41-8FB9-B4BB77B971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8D1F5F7-FC2F-B04F-954D-0E410838700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189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F5C9DC-B6B9-E744-B57C-6E1CF254D8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1/12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9A2E35-DC52-AE4F-B2BE-1380251AD5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457538-E9F9-4A4C-80C8-1B7591693D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05291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AA46C2-D2AC-3F4A-9152-1BBD833C79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BEB2B0-1F1B-544F-9AC8-CAB04FBA9B9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968D01B-1E76-F24C-AD52-3B0280C5816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DE5F1D-CA19-5C4E-ABEB-1BFF0AADCA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1/12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4F2948D-B283-E44A-A733-DE041E442D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6F90B-9FFA-284F-ADB8-6ABE41E2B4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93120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559F75-DA2B-234A-9C61-48B556120E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EFA76B8-9A70-1349-9361-3898E632929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9AA3219-9962-3E40-9B95-7C6812A76BA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54D3D70-833C-804D-8186-A87B851EF54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5109F6-B728-A44D-8866-45C5DE5B4B9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7EA5748-FCFD-1946-86B9-EFA453CBD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1/12/2025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AD07FCD-BE1A-EF46-BADD-202B0CAC6B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DF02895-6A96-1141-B139-B281BD07BB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53557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F7D82C-779A-3441-A481-F4CEA93CBD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E93E3AB-D40D-DC40-B83D-781475DA9A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1/12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CBA22AC-71E9-1F43-9171-E51EA1A690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57691AC-9D3D-564D-BB81-A0C52F672E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6262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49FE447-058A-B74D-ACD9-4CE8A439F5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1/12/2025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63E819E-20ED-D844-9FC9-5E5BBF2C3F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734871E-3217-2B40-9D4B-E4008C76F0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27308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9C92B6-598D-AC43-A015-04EE99F60C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80D2CA-D26E-6544-A28C-B5D3935D32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5C80F2-4EB1-B84D-8A93-3719CE2B703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45085C-D62B-414B-A689-AF4CBCE09D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1/12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F7F2E5-9B87-044B-9073-49B20FEA55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CD94D1C-5337-1345-8A82-5B44A2D6A0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3789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CEF8FB-957A-524C-847C-3BCB1CA049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401AD8C-1A85-6844-99D4-7AAAC525453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4576A07-30D2-0642-B2B5-D7C9E472739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C58B9AD-3990-D242-A1A7-516C82C7BE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1/12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E98F2C8-3C11-D846-897B-5402774863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B4597D-B6BA-C244-BEBC-0D047A89B7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0021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theme" Target="../theme/theme2.xml"/><Relationship Id="rId5" Type="http://schemas.openxmlformats.org/officeDocument/2006/relationships/slideLayout" Target="../slideLayouts/slideLayout18.xml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A35A0B9-3AAB-C54E-9711-C32748F29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818C2A-84AE-0349-8EBF-E96AAA33A9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5906F8-31E9-0C45-B971-D604C18EA5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8E84AD-91E6-3640-8455-81BD6F308BB0}" type="datetimeFigureOut">
              <a:rPr lang="en-US" smtClean="0"/>
              <a:t>11/12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C46DBB-A29C-3946-A68B-63DCA80A084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266EA6-526D-6E40-AC1A-335523FF336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C6B55BF-4C93-521B-BC35-93F5FA1F2418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80800" y="63500"/>
            <a:ext cx="676275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15703180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71DE7C4-EADF-49A5-94C9-295DA7102A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0999" y="1485900"/>
            <a:ext cx="11429325" cy="4267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5D38B6-3878-4DD8-B8F9-92C491ABF8F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12 November 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7054503-8F56-486A-BEEB-415EA4A643B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259C21-CE9A-4D3A-AB80-ABF8F4D8A7F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81000" y="6162324"/>
            <a:ext cx="457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450C3DA6-94DF-9BD1-3F5F-1B8619F4B392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80800" y="63500"/>
            <a:ext cx="676275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41846356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  <p:sldLayoutId id="2147483668" r:id="rId6"/>
    <p:sldLayoutId id="2147483669" r:id="rId7"/>
    <p:sldLayoutId id="2147483670" r:id="rId8"/>
    <p:sldLayoutId id="2147483671" r:id="rId9"/>
    <p:sldLayoutId id="2147483672" r:id="rId10"/>
  </p:sldLayoutIdLst>
  <p:transition>
    <p:fade/>
  </p:transition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26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798513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–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201738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▪"/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6pPr>
      <a:lvl7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7pPr>
      <a:lvl8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F26B43"/>
          </p15:clr>
        </p15:guide>
        <p15:guide id="2" pos="3840">
          <p15:clr>
            <a:srgbClr val="F26B43"/>
          </p15:clr>
        </p15:guide>
        <p15:guide id="3" orient="horz" pos="240">
          <p15:clr>
            <a:srgbClr val="5ACBF0"/>
          </p15:clr>
        </p15:guide>
        <p15:guide id="4" pos="240">
          <p15:clr>
            <a:srgbClr val="5ACBF0"/>
          </p15:clr>
        </p15:guide>
        <p15:guide id="5" pos="7440">
          <p15:clr>
            <a:srgbClr val="5ACBF0"/>
          </p15:clr>
        </p15:guide>
        <p15:guide id="6" pos="3720">
          <p15:clr>
            <a:srgbClr val="5ACBF0"/>
          </p15:clr>
        </p15:guide>
        <p15:guide id="7" pos="3960">
          <p15:clr>
            <a:srgbClr val="5ACBF0"/>
          </p15:clr>
        </p15:guide>
        <p15:guide id="8" orient="horz" pos="528">
          <p15:clr>
            <a:srgbClr val="5ACBF0"/>
          </p15:clr>
        </p15:guide>
        <p15:guide id="9" orient="horz" pos="936">
          <p15:clr>
            <a:srgbClr val="5ACBF0"/>
          </p15:clr>
        </p15:guide>
        <p15:guide id="10" orient="horz" pos="3624">
          <p15:clr>
            <a:srgbClr val="5ACBF0"/>
          </p15:clr>
        </p15:guide>
        <p15:guide id="11" orient="horz" pos="4080">
          <p15:clr>
            <a:srgbClr val="5ACBF0"/>
          </p15:clr>
        </p15:guide>
        <p15:guide id="12" orient="horz" pos="1200">
          <p15:clr>
            <a:srgbClr val="5ACBF0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4" Type="http://schemas.openxmlformats.org/officeDocument/2006/relationships/image" Target="../media/image1.jp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hyperlink" Target="https://www.iata.org/en/events/all/wcs/" TargetMode="External"/><Relationship Id="rId1" Type="http://schemas.openxmlformats.org/officeDocument/2006/relationships/slideLayout" Target="../slideLayouts/slideLayout18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E8DCC5DB-A901-36BA-23B9-F78295C84A00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2"/>
            </p:custDataLst>
          </p:nvPr>
        </p:nvPicPr>
        <p:blipFill>
          <a:blip r:embed="rId4"/>
          <a:srcRect l="282" r="282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4593191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1721690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CS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  <a:endParaRPr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  <a:endParaRPr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  <a:r>
              <a:rPr lang="en-US" sz="1400" dirty="0">
                <a:solidFill>
                  <a:prstClr val="black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 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>
              <a:lnSpc>
                <a:spcPct val="150000"/>
              </a:lnSpc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CS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</a:t>
            </a:r>
            <a:r>
              <a:rPr lang="en-US" sz="1400" b="1" dirty="0"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 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0F244A4-A038-A46E-B543-32D5D5F161B9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/>
          <a:srcRect/>
          <a:stretch/>
        </p:blipFill>
        <p:spPr>
          <a:xfrm>
            <a:off x="3682116" y="3349203"/>
            <a:ext cx="4827091" cy="2710310"/>
          </a:xfrm>
          <a:prstGeom prst="rect">
            <a:avLst/>
          </a:prstGeom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58440778-D1F9-C5CF-4360-2A6EA153CD5A}"/>
              </a:ext>
            </a:extLst>
          </p:cNvPr>
          <p:cNvGrpSpPr>
            <a:grpSpLocks noGrp="1" noUngrp="1" noRot="1" noMove="1" noResize="1"/>
          </p:cNvGrpSpPr>
          <p:nvPr/>
        </p:nvGrpSpPr>
        <p:grpSpPr>
          <a:xfrm>
            <a:off x="7033845" y="3809220"/>
            <a:ext cx="554777" cy="1165757"/>
            <a:chOff x="1306168" y="815353"/>
            <a:chExt cx="991737" cy="1979946"/>
          </a:xfrm>
        </p:grpSpPr>
        <p:sp>
          <p:nvSpPr>
            <p:cNvPr id="4" name="Freeform 5">
              <a:extLst>
                <a:ext uri="{FF2B5EF4-FFF2-40B4-BE49-F238E27FC236}">
                  <a16:creationId xmlns:a16="http://schemas.microsoft.com/office/drawing/2014/main" id="{82B62F02-B65D-EAB0-E44B-41F501E736CD}"/>
                </a:ext>
              </a:extLst>
            </p:cNvPr>
            <p:cNvSpPr>
              <a:spLocks noGrp="1" noRot="1" noChangeAspect="1" noMove="1" noResize="1" noEditPoints="1" noAdjustHandles="1" noChangeArrowheads="1" noChangeShapeType="1"/>
            </p:cNvSpPr>
            <p:nvPr/>
          </p:nvSpPr>
          <p:spPr bwMode="auto">
            <a:xfrm flipH="1">
              <a:off x="1307306" y="1808279"/>
              <a:ext cx="985838" cy="987020"/>
            </a:xfrm>
            <a:custGeom>
              <a:avLst/>
              <a:gdLst>
                <a:gd name="T0" fmla="*/ 0 w 3326"/>
                <a:gd name="T1" fmla="*/ 0 h 3330"/>
                <a:gd name="T2" fmla="*/ 0 w 3326"/>
                <a:gd name="T3" fmla="*/ 1665 h 3330"/>
                <a:gd name="T4" fmla="*/ 1109 w 3326"/>
                <a:gd name="T5" fmla="*/ 1665 h 3330"/>
                <a:gd name="T6" fmla="*/ 1109 w 3326"/>
                <a:gd name="T7" fmla="*/ 3330 h 3330"/>
                <a:gd name="T8" fmla="*/ 3326 w 3326"/>
                <a:gd name="T9" fmla="*/ 3330 h 3330"/>
                <a:gd name="T10" fmla="*/ 3326 w 3326"/>
                <a:gd name="T11" fmla="*/ 0 h 3330"/>
                <a:gd name="T12" fmla="*/ 0 w 3326"/>
                <a:gd name="T13" fmla="*/ 0 h 33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326" h="3330">
                  <a:moveTo>
                    <a:pt x="0" y="0"/>
                  </a:moveTo>
                  <a:lnTo>
                    <a:pt x="0" y="1665"/>
                  </a:lnTo>
                  <a:lnTo>
                    <a:pt x="1109" y="1665"/>
                  </a:lnTo>
                  <a:lnTo>
                    <a:pt x="1109" y="3330"/>
                  </a:lnTo>
                  <a:lnTo>
                    <a:pt x="3326" y="3330"/>
                  </a:lnTo>
                  <a:lnTo>
                    <a:pt x="332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C28A67DB-580E-402C-3216-7C62A750DB72}"/>
                </a:ext>
              </a:extLst>
            </p:cNvPr>
            <p:cNvSpPr>
              <a:spLocks noGrp="1" noRot="1" noChangeAspect="1" noMove="1" noResize="1" noEditPoints="1" noAdjustHandles="1" noChangeArrowheads="1" noChangeShapeType="1"/>
            </p:cNvSpPr>
            <p:nvPr/>
          </p:nvSpPr>
          <p:spPr bwMode="auto">
            <a:xfrm>
              <a:off x="1306168" y="815353"/>
              <a:ext cx="991737" cy="992926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57DAD758-DB82-BC5C-B97B-83C36B38A71C}"/>
                </a:ext>
              </a:extLst>
            </p:cNvPr>
            <p:cNvSpPr>
              <a:spLocks noGrp="1" noRot="1" noChangeAspect="1" noMove="1" noResize="1" noEditPoints="1" noAdjustHandles="1" noChangeArrowheads="1" noChangeShapeType="1"/>
            </p:cNvSpPr>
            <p:nvPr/>
          </p:nvSpPr>
          <p:spPr bwMode="auto">
            <a:xfrm rot="16200000">
              <a:off x="1685021" y="1351310"/>
              <a:ext cx="230410" cy="460407"/>
            </a:xfrm>
            <a:custGeom>
              <a:avLst/>
              <a:gdLst>
                <a:gd name="connsiteX0" fmla="*/ 270676 w 270676"/>
                <a:gd name="connsiteY0" fmla="*/ 0 h 540866"/>
                <a:gd name="connsiteX1" fmla="*/ 270676 w 270676"/>
                <a:gd name="connsiteY1" fmla="*/ 270352 h 540866"/>
                <a:gd name="connsiteX2" fmla="*/ 270514 w 270676"/>
                <a:gd name="connsiteY2" fmla="*/ 270352 h 540866"/>
                <a:gd name="connsiteX3" fmla="*/ 270514 w 270676"/>
                <a:gd name="connsiteY3" fmla="*/ 274419 h 540866"/>
                <a:gd name="connsiteX4" fmla="*/ 270514 w 270676"/>
                <a:gd name="connsiteY4" fmla="*/ 540866 h 540866"/>
                <a:gd name="connsiteX5" fmla="*/ 5653 w 270676"/>
                <a:gd name="connsiteY5" fmla="*/ 324752 h 540866"/>
                <a:gd name="connsiteX6" fmla="*/ 178 w 270676"/>
                <a:gd name="connsiteY6" fmla="*/ 270352 h 540866"/>
                <a:gd name="connsiteX7" fmla="*/ 0 w 270676"/>
                <a:gd name="connsiteY7" fmla="*/ 270352 h 540866"/>
                <a:gd name="connsiteX8" fmla="*/ 270676 w 270676"/>
                <a:gd name="connsiteY8" fmla="*/ 0 h 5408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0676" h="540866">
                  <a:moveTo>
                    <a:pt x="270676" y="0"/>
                  </a:moveTo>
                  <a:lnTo>
                    <a:pt x="270676" y="270352"/>
                  </a:lnTo>
                  <a:lnTo>
                    <a:pt x="270514" y="270352"/>
                  </a:lnTo>
                  <a:lnTo>
                    <a:pt x="270514" y="274419"/>
                  </a:lnTo>
                  <a:cubicBezTo>
                    <a:pt x="270514" y="287107"/>
                    <a:pt x="270514" y="337859"/>
                    <a:pt x="270514" y="540866"/>
                  </a:cubicBezTo>
                  <a:cubicBezTo>
                    <a:pt x="139832" y="540866"/>
                    <a:pt x="30855" y="448114"/>
                    <a:pt x="5653" y="324752"/>
                  </a:cubicBezTo>
                  <a:lnTo>
                    <a:pt x="178" y="270352"/>
                  </a:lnTo>
                  <a:lnTo>
                    <a:pt x="0" y="270352"/>
                  </a:lnTo>
                  <a:cubicBezTo>
                    <a:pt x="0" y="121001"/>
                    <a:pt x="121146" y="0"/>
                    <a:pt x="270676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FC76647C-B0EC-814A-FAF9-D4C3FC17E70C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1"/>
            </p:custDataLst>
          </p:nvPr>
        </p:nvPicPr>
        <p:blipFill>
          <a:blip r:embed="rId3"/>
          <a:srcRect l="91" r="91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-17822" y="4130301"/>
            <a:ext cx="5126851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244405" y="4349287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8" name="Picture Placeholder">
            <a:extLst>
              <a:ext uri="{FF2B5EF4-FFF2-40B4-BE49-F238E27FC236}">
                <a16:creationId xmlns:a16="http://schemas.microsoft.com/office/drawing/2014/main" id="{B1601A08-41E0-6E3A-8352-1CDE1E167D9A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6696926" y="405315"/>
            <a:ext cx="4673599" cy="4679202"/>
          </a:xfrm>
          <a:ln>
            <a:noFill/>
          </a:ln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778783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BBB3A0DD-9AA6-F665-E723-546433741E9C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1"/>
            </p:custDataLst>
          </p:nvPr>
        </p:nvPicPr>
        <p:blipFill>
          <a:blip r:embed="rId3"/>
          <a:srcRect l="11" r="11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98838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97fa855e-821b-4a41-b4d6-9285b648b050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97fa855e-821b-4a41-b4d6-9285b648b050.jpe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97fa855e-821b-4a41-b4d6-9285b648b050.jpeg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IATA_Master">
  <a:themeElements>
    <a:clrScheme name="IATA">
      <a:dk1>
        <a:sysClr val="windowText" lastClr="000000"/>
      </a:dk1>
      <a:lt1>
        <a:sysClr val="window" lastClr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PT_default.pptx  -  Read-Only" id="{3393D6F6-3DDF-4AD8-AF70-01B8C861C0E9}" vid="{9069597E-579C-472E-93EE-52701DC46031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da655568-1247-43c7-b5ce-0d71de2fb494" xsi:nil="true"/>
    <lcf76f155ced4ddcb4097134ff3c332f xmlns="868b54d2-7434-4491-84c2-b90e2963ed71">
      <Terms xmlns="http://schemas.microsoft.com/office/infopath/2007/PartnerControls"/>
    </lcf76f155ced4ddcb4097134ff3c332f>
    <SharedWithUsers xmlns="73bef8aa-5180-422b-825c-c360374dca1d">
      <UserInfo>
        <DisplayName>Katie Erofeeva</DisplayName>
        <AccountId>90</AccountId>
        <AccountType/>
      </UserInfo>
      <UserInfo>
        <DisplayName>Kim Wee</DisplayName>
        <AccountId>51</AccountId>
        <AccountType/>
      </UserInfo>
      <UserInfo>
        <DisplayName>Macarena Losada</DisplayName>
        <AccountId>87</AccountId>
        <AccountType/>
      </UserInfo>
    </SharedWithUsers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6D067D48FDE90A4096B22D45B5142395" ma:contentTypeVersion="17" ma:contentTypeDescription="Create a new document." ma:contentTypeScope="" ma:versionID="551af302bcf8440c3ad75a80a28a8ea5">
  <xsd:schema xmlns:xsd="http://www.w3.org/2001/XMLSchema" xmlns:xs="http://www.w3.org/2001/XMLSchema" xmlns:p="http://schemas.microsoft.com/office/2006/metadata/properties" xmlns:ns2="868b54d2-7434-4491-84c2-b90e2963ed71" xmlns:ns3="73bef8aa-5180-422b-825c-c360374dca1d" xmlns:ns4="da655568-1247-43c7-b5ce-0d71de2fb494" targetNamespace="http://schemas.microsoft.com/office/2006/metadata/properties" ma:root="true" ma:fieldsID="907faa79f9b8768168a60a3b63aa9789" ns2:_="" ns3:_="" ns4:_="">
    <xsd:import namespace="868b54d2-7434-4491-84c2-b90e2963ed71"/>
    <xsd:import namespace="73bef8aa-5180-422b-825c-c360374dca1d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lcf76f155ced4ddcb4097134ff3c332f" minOccurs="0"/>
                <xsd:element ref="ns4:TaxCatchAll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8b54d2-7434-4491-84c2-b90e2963ed7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Tags" ma:internalName="MediaServiceAutoTags" ma:readOnly="true">
      <xsd:simpleType>
        <xsd:restriction base="dms:Text"/>
      </xsd:simpleType>
    </xsd:element>
    <xsd:element name="MediaServiceOCR" ma:index="12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5" nillable="true" ma:displayName="Length (seconds)" ma:internalName="MediaLengthInSeconds" ma:readOnly="true">
      <xsd:simpleType>
        <xsd:restriction base="dms:Unknown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lcf76f155ced4ddcb4097134ff3c332f" ma:index="21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bjectDetectorVersions" ma:index="23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4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3bef8aa-5180-422b-825c-c360374dca1d" elementFormDefault="qualified">
    <xsd:import namespace="http://schemas.microsoft.com/office/2006/documentManagement/types"/>
    <xsd:import namespace="http://schemas.microsoft.com/office/infopath/2007/PartnerControls"/>
    <xsd:element name="SharedWithUsers" ma:index="16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7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2" nillable="true" ma:displayName="Taxonomy Catch All Column" ma:hidden="true" ma:list="{46d91918-c507-455d-b0c5-7589affa8377}" ma:internalName="TaxCatchAll" ma:showField="CatchAllData" ma:web="73bef8aa-5180-422b-825c-c360374dca1d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B98825FB-E388-4F1F-8116-2A8A65DD839A}">
  <ds:schemaRefs>
    <ds:schemaRef ds:uri="http://purl.org/dc/elements/1.1/"/>
    <ds:schemaRef ds:uri="http://schemas.microsoft.com/office/2006/metadata/properties"/>
    <ds:schemaRef ds:uri="868b54d2-7434-4491-84c2-b90e2963ed71"/>
    <ds:schemaRef ds:uri="http://purl.org/dc/terms/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73bef8aa-5180-422b-825c-c360374dca1d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5915E1B3-7B04-4CF3-945F-91404F28714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68b54d2-7434-4491-84c2-b90e2963ed71"/>
    <ds:schemaRef ds:uri="73bef8aa-5180-422b-825c-c360374dca1d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1748A618-3DC1-4085-AFA7-457ABC695961}">
  <ds:schemaRefs>
    <ds:schemaRef ds:uri="http://schemas.microsoft.com/sharepoint/v3/contenttype/forms"/>
  </ds:schemaRefs>
</ds:datastoreItem>
</file>

<file path=docMetadata/LabelInfo.xml><?xml version="1.0" encoding="utf-8"?>
<clbl:labelList xmlns:clbl="http://schemas.microsoft.com/office/2020/mipLabelMetadata">
  <clbl:label id="{44ae014c-8170-484b-8a8e-3a6b842e2604}" enabled="1" method="Standard" siteId="{ad221784-72a8-4263-ac86-0ccc6b152cd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203</TotalTime>
  <Words>111</Words>
  <Application>Microsoft Office PowerPoint</Application>
  <PresentationFormat>Widescreen</PresentationFormat>
  <Paragraphs>7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12" baseType="lpstr">
      <vt:lpstr>Aktiv Grotesk</vt:lpstr>
      <vt:lpstr>Aktiv Grotesk Medium</vt:lpstr>
      <vt:lpstr>Arial</vt:lpstr>
      <vt:lpstr>Calibri</vt:lpstr>
      <vt:lpstr>Calibri Light</vt:lpstr>
      <vt:lpstr>Wingdings</vt:lpstr>
      <vt:lpstr>Office Theme</vt:lpstr>
      <vt:lpstr>IATA_Master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NS Advocacy Kit</dc:title>
  <dc:creator>DeSantis, Christina</dc:creator>
  <cp:lastModifiedBy>Carlota Hernández Jaubert</cp:lastModifiedBy>
  <cp:revision>1</cp:revision>
  <dcterms:created xsi:type="dcterms:W3CDTF">2021-04-21T15:11:41Z</dcterms:created>
  <dcterms:modified xsi:type="dcterms:W3CDTF">2025-11-12T16:33:0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2bbab825-a111-45e4-86a1-18cee0005896_Enabled">
    <vt:lpwstr>true</vt:lpwstr>
  </property>
  <property fmtid="{D5CDD505-2E9C-101B-9397-08002B2CF9AE}" pid="3" name="MSIP_Label_2bbab825-a111-45e4-86a1-18cee0005896_SetDate">
    <vt:lpwstr>2021-04-21T15:11:42Z</vt:lpwstr>
  </property>
  <property fmtid="{D5CDD505-2E9C-101B-9397-08002B2CF9AE}" pid="4" name="MSIP_Label_2bbab825-a111-45e4-86a1-18cee0005896_Method">
    <vt:lpwstr>Standard</vt:lpwstr>
  </property>
  <property fmtid="{D5CDD505-2E9C-101B-9397-08002B2CF9AE}" pid="5" name="MSIP_Label_2bbab825-a111-45e4-86a1-18cee0005896_Name">
    <vt:lpwstr>2bbab825-a111-45e4-86a1-18cee0005896</vt:lpwstr>
  </property>
  <property fmtid="{D5CDD505-2E9C-101B-9397-08002B2CF9AE}" pid="6" name="MSIP_Label_2bbab825-a111-45e4-86a1-18cee0005896_SiteId">
    <vt:lpwstr>2567d566-604c-408a-8a60-55d0dc9d9d6b</vt:lpwstr>
  </property>
  <property fmtid="{D5CDD505-2E9C-101B-9397-08002B2CF9AE}" pid="7" name="MSIP_Label_2bbab825-a111-45e4-86a1-18cee0005896_ActionId">
    <vt:lpwstr>bd1f98e2-eeee-4e66-acd1-aec6dc875dae</vt:lpwstr>
  </property>
  <property fmtid="{D5CDD505-2E9C-101B-9397-08002B2CF9AE}" pid="8" name="MSIP_Label_2bbab825-a111-45e4-86a1-18cee0005896_ContentBits">
    <vt:lpwstr>2</vt:lpwstr>
  </property>
  <property fmtid="{D5CDD505-2E9C-101B-9397-08002B2CF9AE}" pid="9" name="ContentTypeId">
    <vt:lpwstr>0x0101006D067D48FDE90A4096B22D45B5142395</vt:lpwstr>
  </property>
  <property fmtid="{D5CDD505-2E9C-101B-9397-08002B2CF9AE}" pid="10" name="MediaServiceImageTags">
    <vt:lpwstr/>
  </property>
  <property fmtid="{D5CDD505-2E9C-101B-9397-08002B2CF9AE}" pid="11" name="Order">
    <vt:lpwstr>299200.000000000</vt:lpwstr>
  </property>
  <property fmtid="{D5CDD505-2E9C-101B-9397-08002B2CF9AE}" pid="12" name="xd_ProgID">
    <vt:lpwstr/>
  </property>
  <property fmtid="{D5CDD505-2E9C-101B-9397-08002B2CF9AE}" pid="13" name="ComplianceAssetId">
    <vt:lpwstr/>
  </property>
  <property fmtid="{D5CDD505-2E9C-101B-9397-08002B2CF9AE}" pid="14" name="TemplateUrl">
    <vt:lpwstr/>
  </property>
  <property fmtid="{D5CDD505-2E9C-101B-9397-08002B2CF9AE}" pid="15" name="_ExtendedDescription">
    <vt:lpwstr/>
  </property>
  <property fmtid="{D5CDD505-2E9C-101B-9397-08002B2CF9AE}" pid="16" name="TriggerFlowInfo">
    <vt:lpwstr/>
  </property>
  <property fmtid="{D5CDD505-2E9C-101B-9397-08002B2CF9AE}" pid="17" name="xd_Signature">
    <vt:lpwstr/>
  </property>
  <property fmtid="{D5CDD505-2E9C-101B-9397-08002B2CF9AE}" pid="18" name="SharedWithUsers">
    <vt:lpwstr>90;#Katie Erofeeva;#51;#Kim Wee;#87;#Macarena Losada</vt:lpwstr>
  </property>
  <property fmtid="{D5CDD505-2E9C-101B-9397-08002B2CF9AE}" pid="19" name="ClassificationContentMarkingHeaderLocations">
    <vt:lpwstr>Office Theme:8\IATA_Master:8</vt:lpwstr>
  </property>
  <property fmtid="{D5CDD505-2E9C-101B-9397-08002B2CF9AE}" pid="20" name="ClassificationContentMarkingHeaderText">
    <vt:lpwstr>Unrestricted</vt:lpwstr>
  </property>
</Properties>
</file>